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drawings/drawing2.xml" ContentType="application/vnd.openxmlformats-officedocument.drawing+xml"/>
  <Override PartName="/xl/drawings/drawing3.xml" ContentType="application/vnd.openxmlformats-officedocument.drawing+xml"/>
  <Override PartName="/xl/drawings/drawing4.xml" ContentType="application/vnd.openxmlformats-officedocument.drawing+xml"/>
  <Override PartName="/xl/drawings/drawing5.xml" ContentType="application/vnd.openxmlformats-officedocument.drawing+xml"/>
  <Override PartName="/xl/drawings/drawing6.xml" ContentType="application/vnd.openxmlformats-officedocument.drawing+xml"/>
  <Override PartName="/xl/drawings/drawing7.xml" ContentType="application/vnd.openxmlformats-officedocument.drawing+xml"/>
  <Override PartName="/xl/drawings/drawing8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8925"/>
  <workbookPr/>
  <mc:AlternateContent xmlns:mc="http://schemas.openxmlformats.org/markup-compatibility/2006">
    <mc:Choice Requires="x15">
      <x15ac:absPath xmlns:x15ac="http://schemas.microsoft.com/office/spreadsheetml/2010/11/ac" url="C:\Users\chris.alston\Downloads\"/>
    </mc:Choice>
  </mc:AlternateContent>
  <xr:revisionPtr revIDLastSave="0" documentId="13_ncr:1_{41BDA810-7907-472B-919E-4D47EDB1408A}" xr6:coauthVersionLast="47" xr6:coauthVersionMax="47" xr10:uidLastSave="{00000000-0000-0000-0000-000000000000}"/>
  <bookViews>
    <workbookView xWindow="-110" yWindow="-110" windowWidth="19420" windowHeight="11500" xr2:uid="{00000000-000D-0000-FFFF-FFFF00000000}"/>
  </bookViews>
  <sheets>
    <sheet name="About" sheetId="1" r:id="rId1"/>
    <sheet name="Contents" sheetId="4" r:id="rId2"/>
    <sheet name="Dashboard - LP index" sheetId="2" r:id="rId3"/>
    <sheet name="Dashboard - Quarterly change" sheetId="5" r:id="rId4"/>
    <sheet name="Dashboard - Annual change" sheetId="6" r:id="rId5"/>
    <sheet name="Figure 1, panel a" sheetId="3" r:id="rId6"/>
    <sheet name="Figure 1, panel b" sheetId="7" r:id="rId7"/>
    <sheet name="Figure 2, panel a" sheetId="9" r:id="rId8"/>
    <sheet name="Figure 2, panel b" sheetId="8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41" uniqueCount="101">
  <si>
    <t>About this workbook</t>
  </si>
  <si>
    <t>This Excel workbook contains data underlying charts in the Productivity Commission's Quarterly productivity bulletin - September 2025</t>
  </si>
  <si>
    <r>
      <t xml:space="preserve">The </t>
    </r>
    <r>
      <rPr>
        <b/>
        <sz val="10"/>
        <color theme="1"/>
        <rFont val="Arial"/>
        <family val="2"/>
      </rPr>
      <t>Contents</t>
    </r>
    <r>
      <rPr>
        <sz val="10"/>
        <color theme="1"/>
        <rFont val="Arial"/>
        <family val="2"/>
      </rPr>
      <t xml:space="preserve"> worksheet links to the data for each chart.</t>
    </r>
  </si>
  <si>
    <t xml:space="preserve">The report is available from: </t>
  </si>
  <si>
    <t>www.pc.gov.au/ongoing/productivity-insights/bulletins/quarterly-bulletin-september-2025/bulletin-september-2025.pdf</t>
  </si>
  <si>
    <t>Contents</t>
  </si>
  <si>
    <t>Figure no.</t>
  </si>
  <si>
    <t>Dashboard - LP Index</t>
  </si>
  <si>
    <t>Dashboard - Quarterly Change</t>
  </si>
  <si>
    <t>Dashboard - Annual Change</t>
  </si>
  <si>
    <t>Figure 1, panel a</t>
  </si>
  <si>
    <t>Figure 1, panel b</t>
  </si>
  <si>
    <t>Figure 2, panel a</t>
  </si>
  <si>
    <t>Figure 2, panel b</t>
  </si>
  <si>
    <t>Dashboard - labour productivity index</t>
  </si>
  <si>
    <t>Whole economy</t>
  </si>
  <si>
    <t>Market sector</t>
  </si>
  <si>
    <t>Non-market sector</t>
  </si>
  <si>
    <t>2015-2019 average</t>
  </si>
  <si>
    <t>Dashboard - quarterly change in labour productivity</t>
  </si>
  <si>
    <t>Quarterly change</t>
  </si>
  <si>
    <t>June quarter</t>
  </si>
  <si>
    <t>March quarter</t>
  </si>
  <si>
    <t>Output</t>
  </si>
  <si>
    <t>Hours worked</t>
  </si>
  <si>
    <t>Labour productivity</t>
  </si>
  <si>
    <t>Dashboard - annual change in labour productivity</t>
  </si>
  <si>
    <t>Annual change</t>
  </si>
  <si>
    <t>To June 2025</t>
  </si>
  <si>
    <t>To June 2024</t>
  </si>
  <si>
    <t>Market sector excluding mining</t>
  </si>
  <si>
    <t>1994-95</t>
  </si>
  <si>
    <t>1995-96</t>
  </si>
  <si>
    <t>1996-97</t>
  </si>
  <si>
    <t>1997-98</t>
  </si>
  <si>
    <t>1998-99</t>
  </si>
  <si>
    <t>1999-00</t>
  </si>
  <si>
    <t>2000-01</t>
  </si>
  <si>
    <t>2001-02</t>
  </si>
  <si>
    <t>2002-03</t>
  </si>
  <si>
    <t>2003-04</t>
  </si>
  <si>
    <t>2004-05</t>
  </si>
  <si>
    <t>2005-06</t>
  </si>
  <si>
    <t>2006-07</t>
  </si>
  <si>
    <t>2007-08</t>
  </si>
  <si>
    <t>2008-09</t>
  </si>
  <si>
    <t>2009-10</t>
  </si>
  <si>
    <t>2010-11</t>
  </si>
  <si>
    <t>2011-12</t>
  </si>
  <si>
    <t>2012-13</t>
  </si>
  <si>
    <t>2013-14</t>
  </si>
  <si>
    <t>2014-15</t>
  </si>
  <si>
    <t>2015-16</t>
  </si>
  <si>
    <t>2016-17</t>
  </si>
  <si>
    <t>2017-18</t>
  </si>
  <si>
    <t>2018-19</t>
  </si>
  <si>
    <t>2019-20</t>
  </si>
  <si>
    <t>2020-21</t>
  </si>
  <si>
    <t>2021-22</t>
  </si>
  <si>
    <t>2022-23</t>
  </si>
  <si>
    <t>2023-24</t>
  </si>
  <si>
    <t>Private non-mining investment</t>
  </si>
  <si>
    <t>Private investment</t>
  </si>
  <si>
    <t>Public investment</t>
  </si>
  <si>
    <t>1959-60</t>
  </si>
  <si>
    <t>1960-61</t>
  </si>
  <si>
    <t>1961-62</t>
  </si>
  <si>
    <t>1962-63</t>
  </si>
  <si>
    <t>1963-64</t>
  </si>
  <si>
    <t>1964-65</t>
  </si>
  <si>
    <t>1965-66</t>
  </si>
  <si>
    <t>1966-67</t>
  </si>
  <si>
    <t>1967-68</t>
  </si>
  <si>
    <t>1968-69</t>
  </si>
  <si>
    <t>1969-70</t>
  </si>
  <si>
    <t>1970-71</t>
  </si>
  <si>
    <t>1971-72</t>
  </si>
  <si>
    <t>1972-73</t>
  </si>
  <si>
    <t>1973-74</t>
  </si>
  <si>
    <t>1974-75</t>
  </si>
  <si>
    <t>1975-76</t>
  </si>
  <si>
    <t>1976-77</t>
  </si>
  <si>
    <t>1977-78</t>
  </si>
  <si>
    <t>1978-79</t>
  </si>
  <si>
    <t>1979-80</t>
  </si>
  <si>
    <t>1980-81</t>
  </si>
  <si>
    <t>1981-82</t>
  </si>
  <si>
    <t>1982-83</t>
  </si>
  <si>
    <t>1983-84</t>
  </si>
  <si>
    <t>1984-85</t>
  </si>
  <si>
    <t>1985-86</t>
  </si>
  <si>
    <t>1986-87</t>
  </si>
  <si>
    <t>1987-88</t>
  </si>
  <si>
    <t>1988-89</t>
  </si>
  <si>
    <t>1989-90</t>
  </si>
  <si>
    <t>1990-91</t>
  </si>
  <si>
    <t>1991-92</t>
  </si>
  <si>
    <t>1992-93</t>
  </si>
  <si>
    <t>1993-94</t>
  </si>
  <si>
    <t>Australia</t>
  </si>
  <si>
    <t>OECD averag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164" formatCode="mmm\-yyyy"/>
    <numFmt numFmtId="165" formatCode="#,##0.0"/>
    <numFmt numFmtId="166" formatCode="0.0;\-0.0;0.0;@"/>
  </numFmts>
  <fonts count="11" x14ac:knownFonts="1">
    <font>
      <sz val="10"/>
      <color theme="1"/>
      <name val="Arial"/>
      <family val="2"/>
    </font>
    <font>
      <sz val="11"/>
      <color theme="1"/>
      <name val="Arial"/>
      <family val="2"/>
      <scheme val="minor"/>
    </font>
    <font>
      <b/>
      <sz val="10"/>
      <color theme="1"/>
      <name val="Arial"/>
      <family val="2"/>
    </font>
    <font>
      <b/>
      <sz val="12"/>
      <color theme="1"/>
      <name val="Arial"/>
      <family val="2"/>
    </font>
    <font>
      <i/>
      <sz val="10"/>
      <color theme="1"/>
      <name val="Arial"/>
      <family val="2"/>
    </font>
    <font>
      <u/>
      <sz val="10"/>
      <color theme="10"/>
      <name val="Arial"/>
      <family val="2"/>
    </font>
    <font>
      <sz val="8"/>
      <color theme="1"/>
      <name val="Arial"/>
      <family val="2"/>
    </font>
    <font>
      <u/>
      <sz val="11"/>
      <color theme="10"/>
      <name val="Arial"/>
      <family val="2"/>
      <scheme val="minor"/>
    </font>
    <font>
      <b/>
      <sz val="10"/>
      <color theme="1"/>
      <name val="Arial"/>
      <family val="2"/>
      <scheme val="major"/>
    </font>
    <font>
      <b/>
      <sz val="11"/>
      <color theme="1"/>
      <name val="Arial"/>
      <family val="2"/>
      <scheme val="major"/>
    </font>
    <font>
      <sz val="10"/>
      <color theme="1"/>
      <name val="Arial"/>
      <family val="2"/>
      <scheme val="maj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4">
    <xf numFmtId="0" fontId="0" fillId="0" borderId="0"/>
    <xf numFmtId="0" fontId="5" fillId="0" borderId="0" applyNumberFormat="0" applyFill="0" applyBorder="0" applyAlignment="0" applyProtection="0"/>
    <xf numFmtId="0" fontId="1" fillId="0" borderId="0"/>
    <xf numFmtId="0" fontId="7" fillId="0" borderId="0" applyNumberFormat="0" applyFill="0" applyBorder="0" applyAlignment="0" applyProtection="0"/>
  </cellStyleXfs>
  <cellXfs count="14">
    <xf numFmtId="0" fontId="0" fillId="0" borderId="0" xfId="0"/>
    <xf numFmtId="0" fontId="2" fillId="0" borderId="0" xfId="0" applyFont="1"/>
    <xf numFmtId="0" fontId="3" fillId="0" borderId="0" xfId="0" applyFont="1"/>
    <xf numFmtId="0" fontId="5" fillId="0" borderId="0" xfId="1" applyFill="1"/>
    <xf numFmtId="165" fontId="0" fillId="0" borderId="0" xfId="0" applyNumberFormat="1"/>
    <xf numFmtId="14" fontId="0" fillId="0" borderId="0" xfId="0" applyNumberFormat="1"/>
    <xf numFmtId="166" fontId="6" fillId="0" borderId="0" xfId="2" applyNumberFormat="1" applyFont="1"/>
    <xf numFmtId="0" fontId="8" fillId="0" borderId="0" xfId="0" applyFont="1"/>
    <xf numFmtId="0" fontId="9" fillId="0" borderId="0" xfId="0" applyFont="1"/>
    <xf numFmtId="0" fontId="10" fillId="0" borderId="0" xfId="0" applyFont="1"/>
    <xf numFmtId="164" fontId="10" fillId="0" borderId="0" xfId="0" applyNumberFormat="1" applyFont="1" applyAlignment="1">
      <alignment horizontal="left"/>
    </xf>
    <xf numFmtId="4" fontId="10" fillId="0" borderId="0" xfId="0" applyNumberFormat="1" applyFont="1"/>
    <xf numFmtId="0" fontId="4" fillId="0" borderId="0" xfId="0" applyFont="1"/>
    <xf numFmtId="0" fontId="5" fillId="0" borderId="0" xfId="1"/>
  </cellXfs>
  <cellStyles count="4">
    <cellStyle name="Hyperlink" xfId="1" builtinId="8"/>
    <cellStyle name="Hyperlink 2" xfId="3" xr:uid="{9A98D360-FAA5-4D1C-8548-0B7752BAECD6}"/>
    <cellStyle name="Normal" xfId="0" builtinId="0"/>
    <cellStyle name="Normal 2" xfId="2" xr:uid="{C1F192D4-947E-47EB-AFDE-8292FC1F73B6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ustomXml" Target="../customXml/item1.xml"/><Relationship Id="rId18" Type="http://schemas.openxmlformats.org/officeDocument/2006/relationships/customXml" Target="../customXml/item6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5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4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3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2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_rels/drawing2.xml.rels><?xml version="1.0" encoding="UTF-8" standalone="yes"?>
<Relationships xmlns="http://schemas.openxmlformats.org/package/2006/relationships"><Relationship Id="rId1" Type="http://schemas.openxmlformats.org/officeDocument/2006/relationships/image" Target="../media/image2.emf"/></Relationships>
</file>

<file path=xl/drawings/_rels/drawing3.x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xl/drawings/_rels/drawing4.xml.rels><?xml version="1.0" encoding="UTF-8" standalone="yes"?>
<Relationships xmlns="http://schemas.openxmlformats.org/package/2006/relationships"><Relationship Id="rId1" Type="http://schemas.openxmlformats.org/officeDocument/2006/relationships/image" Target="../media/image4.emf"/></Relationships>
</file>

<file path=xl/drawings/_rels/drawing5.xml.rels><?xml version="1.0" encoding="UTF-8" standalone="yes"?>
<Relationships xmlns="http://schemas.openxmlformats.org/package/2006/relationships"><Relationship Id="rId1" Type="http://schemas.openxmlformats.org/officeDocument/2006/relationships/image" Target="../media/image5.emf"/></Relationships>
</file>

<file path=xl/drawings/_rels/drawing6.xml.rels><?xml version="1.0" encoding="UTF-8" standalone="yes"?>
<Relationships xmlns="http://schemas.openxmlformats.org/package/2006/relationships"><Relationship Id="rId1" Type="http://schemas.openxmlformats.org/officeDocument/2006/relationships/image" Target="../media/image6.emf"/></Relationships>
</file>

<file path=xl/drawings/_rels/drawing7.x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xl/drawings/_rels/drawing8.x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04775</xdr:colOff>
      <xdr:row>0</xdr:row>
      <xdr:rowOff>161925</xdr:rowOff>
    </xdr:from>
    <xdr:to>
      <xdr:col>2</xdr:col>
      <xdr:colOff>397386</xdr:colOff>
      <xdr:row>0</xdr:row>
      <xdr:rowOff>527686</xdr:rowOff>
    </xdr:to>
    <xdr:pic>
      <xdr:nvPicPr>
        <xdr:cNvPr id="4" name="Picture 3" descr="Australian Government Productivity Commission logo">
          <a:extLst>
            <a:ext uri="{FF2B5EF4-FFF2-40B4-BE49-F238E27FC236}">
              <a16:creationId xmlns:a16="http://schemas.microsoft.com/office/drawing/2014/main" id="{F61E1EB3-77B5-46D9-B219-2DC349D2A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61925"/>
          <a:ext cx="1511811" cy="365761"/>
        </a:xfrm>
        <a:prstGeom prst="rect">
          <a:avLst/>
        </a:prstGeom>
      </xdr:spPr>
    </xdr:pic>
    <xdr:clientData/>
  </xdr:twoCellAnchor>
</xdr:wsDr>
</file>

<file path=xl/drawings/drawing2.xml><?xml version="1.0" encoding="utf-8"?>
<xdr:wsDr xmlns:xdr="http://schemas.openxmlformats.org/drawingml/2006/spreadsheetDrawing" xmlns:a="http://schemas.openxmlformats.org/drawingml/2006/main">
  <xdr:twoCellAnchor editAs="oneCell">
    <xdr:from>
      <xdr:col>6</xdr:col>
      <xdr:colOff>0</xdr:colOff>
      <xdr:row>2</xdr:row>
      <xdr:rowOff>0</xdr:rowOff>
    </xdr:from>
    <xdr:to>
      <xdr:col>11</xdr:col>
      <xdr:colOff>133351</xdr:colOff>
      <xdr:row>20</xdr:row>
      <xdr:rowOff>53975</xdr:rowOff>
    </xdr:to>
    <xdr:pic>
      <xdr:nvPicPr>
        <xdr:cNvPr id="4" name="Picture 3" descr="Labour productivity (index, June 2014 = 100)&#10;This figure is a line chart that shows quarterly labour productivity indexes for the market sector, non-market sector and whole economy between June 2014 and June 2025. The figure also shows the 2015-2019 average level of productivity for the whole economy.">
          <a:extLst>
            <a:ext uri="{FF2B5EF4-FFF2-40B4-BE49-F238E27FC236}">
              <a16:creationId xmlns:a16="http://schemas.microsoft.com/office/drawing/2014/main" id="{CD63B354-C886-4B7D-C88E-1A5D7F1E5269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7029450" y="352425"/>
          <a:ext cx="5991225" cy="2962275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</xdr:wsDr>
</file>

<file path=xl/drawings/drawing3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642651</xdr:colOff>
      <xdr:row>7</xdr:row>
      <xdr:rowOff>114759</xdr:rowOff>
    </xdr:from>
    <xdr:to>
      <xdr:col>3</xdr:col>
      <xdr:colOff>596059</xdr:colOff>
      <xdr:row>26</xdr:row>
      <xdr:rowOff>3595</xdr:rowOff>
    </xdr:to>
    <xdr:pic>
      <xdr:nvPicPr>
        <xdr:cNvPr id="3" name="Picture 2" descr="Quarterly change in labour productivity&#10;This figure is a column chart that shows the quarterly change in output, hours worked and labour productivity for the March quarter 2025 and June quarter 2025. ">
          <a:extLst>
            <a:ext uri="{FF2B5EF4-FFF2-40B4-BE49-F238E27FC236}">
              <a16:creationId xmlns:a16="http://schemas.microsoft.com/office/drawing/2014/main" id="{017271EF-32C1-AA50-C751-E4AB6987A922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642651" y="1292952"/>
          <a:ext cx="2937143" cy="3086788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</xdr:wsDr>
</file>

<file path=xl/drawings/drawing4.xml><?xml version="1.0" encoding="utf-8"?>
<xdr:wsDr xmlns:xdr="http://schemas.openxmlformats.org/drawingml/2006/spreadsheetDrawing" xmlns:a="http://schemas.openxmlformats.org/drawingml/2006/main">
  <xdr:twoCellAnchor editAs="oneCell">
    <xdr:from>
      <xdr:col>1</xdr:col>
      <xdr:colOff>0</xdr:colOff>
      <xdr:row>9</xdr:row>
      <xdr:rowOff>0</xdr:rowOff>
    </xdr:from>
    <xdr:to>
      <xdr:col>4</xdr:col>
      <xdr:colOff>561975</xdr:colOff>
      <xdr:row>27</xdr:row>
      <xdr:rowOff>57150</xdr:rowOff>
    </xdr:to>
    <xdr:pic>
      <xdr:nvPicPr>
        <xdr:cNvPr id="3" name="Picture 2" descr="Annual change in labour productivity&#10;This figure is a column chart that shows the annual change in output, hours worked and labour productivity for the year to June 2024 and the year to June 2025.">
          <a:extLst>
            <a:ext uri="{FF2B5EF4-FFF2-40B4-BE49-F238E27FC236}">
              <a16:creationId xmlns:a16="http://schemas.microsoft.com/office/drawing/2014/main" id="{2138654C-F81A-87E0-4793-09B47C7123B0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3181350" y="1457325"/>
          <a:ext cx="2971800" cy="2971800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</xdr:wsDr>
</file>

<file path=xl/drawings/drawing5.xml><?xml version="1.0" encoding="utf-8"?>
<xdr:wsDr xmlns:xdr="http://schemas.openxmlformats.org/drawingml/2006/spreadsheetDrawing" xmlns:a="http://schemas.openxmlformats.org/drawingml/2006/main">
  <xdr:twoCellAnchor editAs="oneCell">
    <xdr:from>
      <xdr:col>4</xdr:col>
      <xdr:colOff>0</xdr:colOff>
      <xdr:row>7</xdr:row>
      <xdr:rowOff>0</xdr:rowOff>
    </xdr:from>
    <xdr:to>
      <xdr:col>8</xdr:col>
      <xdr:colOff>244475</xdr:colOff>
      <xdr:row>24</xdr:row>
      <xdr:rowOff>73025</xdr:rowOff>
    </xdr:to>
    <xdr:pic>
      <xdr:nvPicPr>
        <xdr:cNvPr id="2" name="Picture 1" descr="Figure 1 - This figure has two panels. Panel a is a line chart that shows the capital-labour ratio for the market sector and market sector excluding mining from 1994-95 to 2023-24. ">
          <a:extLst>
            <a:ext uri="{FF2B5EF4-FFF2-40B4-BE49-F238E27FC236}">
              <a16:creationId xmlns:a16="http://schemas.microsoft.com/office/drawing/2014/main" id="{39450191-72AA-46B8-43B9-E2267E3C4AB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4527550" y="1155700"/>
          <a:ext cx="2981325" cy="2876550"/>
        </a:xfrm>
        <a:prstGeom prst="rect">
          <a:avLst/>
        </a:prstGeom>
        <a:noFill/>
        <a:ln>
          <a:noFill/>
        </a:ln>
      </xdr:spPr>
    </xdr:pic>
    <xdr:clientData/>
  </xdr:twoCellAnchor>
</xdr:wsDr>
</file>

<file path=xl/drawings/drawing6.xml><?xml version="1.0" encoding="utf-8"?>
<xdr:wsDr xmlns:xdr="http://schemas.openxmlformats.org/drawingml/2006/spreadsheetDrawing" xmlns:a="http://schemas.openxmlformats.org/drawingml/2006/main">
  <xdr:twoCellAnchor editAs="oneCell">
    <xdr:from>
      <xdr:col>6</xdr:col>
      <xdr:colOff>0</xdr:colOff>
      <xdr:row>7</xdr:row>
      <xdr:rowOff>0</xdr:rowOff>
    </xdr:from>
    <xdr:to>
      <xdr:col>10</xdr:col>
      <xdr:colOff>549275</xdr:colOff>
      <xdr:row>24</xdr:row>
      <xdr:rowOff>10795</xdr:rowOff>
    </xdr:to>
    <xdr:pic>
      <xdr:nvPicPr>
        <xdr:cNvPr id="2" name="Picture 1" descr="Figure 1 - Panel b is a line chart that shows, as a share of GDP, private investment, public investment and private non-mining investment from 1994-95 to 2023-24. ">
          <a:extLst>
            <a:ext uri="{FF2B5EF4-FFF2-40B4-BE49-F238E27FC236}">
              <a16:creationId xmlns:a16="http://schemas.microsoft.com/office/drawing/2014/main" id="{52339ED0-4ABC-4EE3-2C27-D0DA4D251B3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6223000" y="1155700"/>
          <a:ext cx="2987675" cy="2817495"/>
        </a:xfrm>
        <a:prstGeom prst="rect">
          <a:avLst/>
        </a:prstGeom>
        <a:noFill/>
        <a:ln>
          <a:noFill/>
        </a:ln>
      </xdr:spPr>
    </xdr:pic>
    <xdr:clientData/>
  </xdr:twoCellAnchor>
</xdr:wsDr>
</file>

<file path=xl/drawings/drawing7.xml><?xml version="1.0" encoding="utf-8"?>
<xdr:wsDr xmlns:xdr="http://schemas.openxmlformats.org/drawingml/2006/spreadsheetDrawing" xmlns:a="http://schemas.openxmlformats.org/drawingml/2006/main">
  <xdr:twoCellAnchor editAs="oneCell">
    <xdr:from>
      <xdr:col>6</xdr:col>
      <xdr:colOff>6350</xdr:colOff>
      <xdr:row>7</xdr:row>
      <xdr:rowOff>82550</xdr:rowOff>
    </xdr:from>
    <xdr:to>
      <xdr:col>10</xdr:col>
      <xdr:colOff>567691</xdr:colOff>
      <xdr:row>25</xdr:row>
      <xdr:rowOff>19685</xdr:rowOff>
    </xdr:to>
    <xdr:pic>
      <xdr:nvPicPr>
        <xdr:cNvPr id="2" name="Picture 1" descr="Figure 2  – This figure has two panels. Panel a is a line chart that shows Australia’s headline/default company income tax rate and the OECD average headline/default company income tax rate from 2000 to 2024. &#10;">
          <a:extLst>
            <a:ext uri="{FF2B5EF4-FFF2-40B4-BE49-F238E27FC236}">
              <a16:creationId xmlns:a16="http://schemas.microsoft.com/office/drawing/2014/main" id="{FF145D38-174F-5D67-24F1-54B461A4C04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7543800" y="1238250"/>
          <a:ext cx="2993390" cy="2898775"/>
        </a:xfrm>
        <a:prstGeom prst="rect">
          <a:avLst/>
        </a:prstGeom>
        <a:noFill/>
        <a:ln>
          <a:noFill/>
        </a:ln>
      </xdr:spPr>
    </xdr:pic>
    <xdr:clientData/>
  </xdr:twoCellAnchor>
</xdr:wsDr>
</file>

<file path=xl/drawings/drawing8.xml><?xml version="1.0" encoding="utf-8"?>
<xdr:wsDr xmlns:xdr="http://schemas.openxmlformats.org/drawingml/2006/spreadsheetDrawing" xmlns:a="http://schemas.openxmlformats.org/drawingml/2006/main">
  <xdr:twoCellAnchor editAs="oneCell">
    <xdr:from>
      <xdr:col>4</xdr:col>
      <xdr:colOff>57150</xdr:colOff>
      <xdr:row>6</xdr:row>
      <xdr:rowOff>116769</xdr:rowOff>
    </xdr:from>
    <xdr:to>
      <xdr:col>8</xdr:col>
      <xdr:colOff>590761</xdr:colOff>
      <xdr:row>24</xdr:row>
      <xdr:rowOff>66039</xdr:rowOff>
    </xdr:to>
    <xdr:pic>
      <xdr:nvPicPr>
        <xdr:cNvPr id="2" name="Picture 1" descr=" Panel b is a line chart that shows Australia’s small business company income tax rate and the OECD average small business company income tax rate from 2000 to 2024.">
          <a:extLst>
            <a:ext uri="{FF2B5EF4-FFF2-40B4-BE49-F238E27FC236}">
              <a16:creationId xmlns:a16="http://schemas.microsoft.com/office/drawing/2014/main" id="{387109D4-07E8-A82B-5E00-1F45EA329E3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8612011" y="1122186"/>
          <a:ext cx="2967778" cy="2969330"/>
        </a:xfrm>
        <a:prstGeom prst="rect">
          <a:avLst/>
        </a:prstGeom>
        <a:noFill/>
        <a:ln>
          <a:noFill/>
        </a:ln>
      </xdr:spPr>
    </xdr:pic>
    <xdr:clientData/>
  </xdr:twoCellAnchor>
</xdr:wsDr>
</file>

<file path=xl/theme/theme1.xml><?xml version="1.0" encoding="utf-8"?>
<a:theme xmlns:a="http://schemas.openxmlformats.org/drawingml/2006/main" name="ProdCommTheme-new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://www.pc.gov.au/ongoing/productivity-insights/bulletins/quarterly-bulletin-september-2025/bulletin-september-2025.pdf" TargetMode="External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2.xml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3.xml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4.xml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5.xml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6.xml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7.xml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8.xml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tabColor theme="2"/>
  </sheetPr>
  <dimension ref="A1:D8"/>
  <sheetViews>
    <sheetView showGridLines="0" tabSelected="1" workbookViewId="0"/>
  </sheetViews>
  <sheetFormatPr defaultColWidth="9.1796875" defaultRowHeight="12.5" x14ac:dyDescent="0.25"/>
  <sheetData>
    <row r="1" spans="1:4" ht="54.75" customHeight="1" x14ac:dyDescent="0.25"/>
    <row r="2" spans="1:4" ht="15.5" x14ac:dyDescent="0.35">
      <c r="A2" s="2" t="s">
        <v>0</v>
      </c>
    </row>
    <row r="3" spans="1:4" ht="15.5" x14ac:dyDescent="0.35">
      <c r="A3" s="2"/>
    </row>
    <row r="4" spans="1:4" x14ac:dyDescent="0.25">
      <c r="A4" t="s">
        <v>1</v>
      </c>
    </row>
    <row r="6" spans="1:4" ht="13" x14ac:dyDescent="0.3">
      <c r="A6" t="s">
        <v>2</v>
      </c>
    </row>
    <row r="8" spans="1:4" x14ac:dyDescent="0.25">
      <c r="A8" t="s">
        <v>3</v>
      </c>
      <c r="D8" s="13" t="s">
        <v>4</v>
      </c>
    </row>
  </sheetData>
  <hyperlinks>
    <hyperlink ref="D8" r:id="rId1" xr:uid="{AA936430-B7F1-45D9-9432-076FB3928016}"/>
  </hyperlinks>
  <pageMargins left="0.7" right="0.7" top="0.75" bottom="0.75" header="0.3" footer="0.3"/>
  <pageSetup paperSize="9" orientation="portrait" r:id="rId2"/>
  <headerFooter>
    <oddHeader>&amp;C&amp;"Calibri"&amp;12&amp;K000000  OFFICIAL&amp;1#_x000D_</oddHeader>
  </headerFooter>
  <drawing r:id="rId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103277C-7EA0-4C9D-B7FB-0186E4D75225}">
  <sheetPr>
    <tabColor theme="2" tint="0.79998168889431442"/>
  </sheetPr>
  <dimension ref="A1:C14"/>
  <sheetViews>
    <sheetView showGridLines="0" workbookViewId="0">
      <selection activeCell="A11" sqref="A11"/>
    </sheetView>
  </sheetViews>
  <sheetFormatPr defaultRowHeight="12.5" x14ac:dyDescent="0.25"/>
  <cols>
    <col min="1" max="1" width="28.1796875" customWidth="1"/>
  </cols>
  <sheetData>
    <row r="1" spans="1:3" ht="15.5" x14ac:dyDescent="0.35">
      <c r="A1" s="2" t="s">
        <v>5</v>
      </c>
    </row>
    <row r="2" spans="1:3" ht="13" x14ac:dyDescent="0.3">
      <c r="A2" s="12"/>
      <c r="B2" s="12"/>
      <c r="C2" s="12"/>
    </row>
    <row r="4" spans="1:3" ht="13" x14ac:dyDescent="0.3">
      <c r="A4" s="1" t="s">
        <v>6</v>
      </c>
      <c r="B4" s="1"/>
    </row>
    <row r="5" spans="1:3" x14ac:dyDescent="0.25">
      <c r="A5" s="3" t="s">
        <v>7</v>
      </c>
    </row>
    <row r="6" spans="1:3" x14ac:dyDescent="0.25">
      <c r="A6" s="3" t="s">
        <v>8</v>
      </c>
    </row>
    <row r="7" spans="1:3" x14ac:dyDescent="0.25">
      <c r="A7" s="3" t="s">
        <v>9</v>
      </c>
    </row>
    <row r="8" spans="1:3" x14ac:dyDescent="0.25">
      <c r="A8" s="3" t="s">
        <v>10</v>
      </c>
    </row>
    <row r="9" spans="1:3" x14ac:dyDescent="0.25">
      <c r="A9" s="3" t="s">
        <v>11</v>
      </c>
    </row>
    <row r="10" spans="1:3" x14ac:dyDescent="0.25">
      <c r="A10" s="3" t="s">
        <v>12</v>
      </c>
    </row>
    <row r="11" spans="1:3" x14ac:dyDescent="0.25">
      <c r="A11" s="3" t="s">
        <v>13</v>
      </c>
    </row>
    <row r="12" spans="1:3" x14ac:dyDescent="0.25">
      <c r="A12" s="3"/>
    </row>
    <row r="13" spans="1:3" x14ac:dyDescent="0.25">
      <c r="A13" s="3"/>
    </row>
    <row r="14" spans="1:3" x14ac:dyDescent="0.25">
      <c r="A14" s="3"/>
    </row>
  </sheetData>
  <hyperlinks>
    <hyperlink ref="A6" location="'Dashboard - Quarterly change'!A1" display="Dashboard - Quarterly Change" xr:uid="{03E4D889-76F3-495A-BDEA-D5AC190259E9}"/>
    <hyperlink ref="A5" location="'Dashboard - LP index'!A1" display="Dashboard - LP Index" xr:uid="{766BDB49-EC28-4609-9CF7-296DD51F717F}"/>
    <hyperlink ref="A8" location="'Figure 1, panel a'!A1" display="Figure 1, panel a" xr:uid="{C289FA97-59FB-4E69-8A36-B5D6A61B9E2C}"/>
    <hyperlink ref="A7" location="'Dashboard - Annual change'!A1" display="Dashboard - Annual Change" xr:uid="{1D430CCC-9900-4FB4-950A-0E75B3900419}"/>
    <hyperlink ref="A9" location="'Figure 1, panel b'!A1" display="Figure 1, panel b" xr:uid="{957D07CD-41F7-415F-9094-4CE1DF78398E}"/>
    <hyperlink ref="A10" location="'Figure 2, panel a'!A1" display="Figure 2, panel a" xr:uid="{CD36A661-3780-49EA-8DF3-B1A78B437A3B}"/>
    <hyperlink ref="A11" location="'Figure 2, panel b'!A1" display="Figure 2, panel b" xr:uid="{D4CC3B39-ED8D-490C-9EFD-E913CB8E9C61}"/>
  </hyperlinks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dimension ref="A1:E87"/>
  <sheetViews>
    <sheetView topLeftCell="F1" zoomScaleNormal="100" workbookViewId="0"/>
  </sheetViews>
  <sheetFormatPr defaultColWidth="17.54296875" defaultRowHeight="12.5" x14ac:dyDescent="0.25"/>
  <cols>
    <col min="1" max="1" width="35.81640625" customWidth="1"/>
  </cols>
  <sheetData>
    <row r="1" spans="1:5" ht="14" x14ac:dyDescent="0.3">
      <c r="A1" s="7" t="s">
        <v>14</v>
      </c>
      <c r="B1" s="8"/>
      <c r="C1" s="9"/>
      <c r="D1" s="9"/>
      <c r="E1" s="9"/>
    </row>
    <row r="2" spans="1:5" x14ac:dyDescent="0.25">
      <c r="A2" s="9"/>
      <c r="B2" s="9" t="s">
        <v>15</v>
      </c>
      <c r="C2" s="9" t="s">
        <v>16</v>
      </c>
      <c r="D2" s="9" t="s">
        <v>17</v>
      </c>
      <c r="E2" s="9" t="s">
        <v>18</v>
      </c>
    </row>
    <row r="3" spans="1:5" x14ac:dyDescent="0.25">
      <c r="A3" s="10">
        <v>38139</v>
      </c>
      <c r="B3" s="11">
        <v>89.015544041450781</v>
      </c>
      <c r="C3" s="11">
        <v>85.047720042417822</v>
      </c>
      <c r="D3" s="11">
        <v>96.881287726358138</v>
      </c>
      <c r="E3" s="11">
        <v>102.06217616580311</v>
      </c>
    </row>
    <row r="4" spans="1:5" x14ac:dyDescent="0.25">
      <c r="A4" s="10">
        <v>38231</v>
      </c>
      <c r="B4" s="11">
        <v>89.326424870466326</v>
      </c>
      <c r="C4" s="11">
        <v>84.623541887592793</v>
      </c>
      <c r="D4" s="11">
        <v>96.680080482897367</v>
      </c>
      <c r="E4" s="11">
        <v>102.06217616580311</v>
      </c>
    </row>
    <row r="5" spans="1:5" x14ac:dyDescent="0.25">
      <c r="A5" s="10">
        <v>38322</v>
      </c>
      <c r="B5" s="11">
        <v>88.808290155440417</v>
      </c>
      <c r="C5" s="11">
        <v>83.881230116648993</v>
      </c>
      <c r="D5" s="11">
        <v>97.887323943661968</v>
      </c>
      <c r="E5" s="11">
        <v>102.06217616580311</v>
      </c>
    </row>
    <row r="6" spans="1:5" x14ac:dyDescent="0.25">
      <c r="A6" s="10">
        <v>38412</v>
      </c>
      <c r="B6" s="11">
        <v>88.290155440414509</v>
      </c>
      <c r="C6" s="11">
        <v>83.457051961823964</v>
      </c>
      <c r="D6" s="11">
        <v>95.674044265593551</v>
      </c>
      <c r="E6" s="11">
        <v>102.06217616580311</v>
      </c>
    </row>
    <row r="7" spans="1:5" x14ac:dyDescent="0.25">
      <c r="A7" s="10">
        <v>38504</v>
      </c>
      <c r="B7" s="11">
        <v>87.979274611398978</v>
      </c>
      <c r="C7" s="11">
        <v>83.881230116648993</v>
      </c>
      <c r="D7" s="11">
        <v>97.987927565392354</v>
      </c>
      <c r="E7" s="11">
        <v>102.06217616580311</v>
      </c>
    </row>
    <row r="8" spans="1:5" x14ac:dyDescent="0.25">
      <c r="A8" s="10">
        <v>38596</v>
      </c>
      <c r="B8" s="11">
        <v>88.808290155440417</v>
      </c>
      <c r="C8" s="11">
        <v>84.411452810180279</v>
      </c>
      <c r="D8" s="11">
        <v>95.674044265593551</v>
      </c>
      <c r="E8" s="11">
        <v>102.06217616580311</v>
      </c>
    </row>
    <row r="9" spans="1:5" x14ac:dyDescent="0.25">
      <c r="A9" s="10">
        <v>38687</v>
      </c>
      <c r="B9" s="11">
        <v>89.844559585492235</v>
      </c>
      <c r="C9" s="11">
        <v>85.259809119830336</v>
      </c>
      <c r="D9" s="11">
        <v>96.07645875251508</v>
      </c>
      <c r="E9" s="11">
        <v>102.06217616580311</v>
      </c>
    </row>
    <row r="10" spans="1:5" x14ac:dyDescent="0.25">
      <c r="A10" s="10">
        <v>38777</v>
      </c>
      <c r="B10" s="11">
        <v>89.740932642487039</v>
      </c>
      <c r="C10" s="11">
        <v>85.89607635206788</v>
      </c>
      <c r="D10" s="11">
        <v>94.567404426559349</v>
      </c>
      <c r="E10" s="11">
        <v>102.06217616580311</v>
      </c>
    </row>
    <row r="11" spans="1:5" x14ac:dyDescent="0.25">
      <c r="A11" s="10">
        <v>38869</v>
      </c>
      <c r="B11" s="11">
        <v>88.911917098445599</v>
      </c>
      <c r="C11" s="11">
        <v>84.941675503711551</v>
      </c>
      <c r="D11" s="11">
        <v>96.478873239436624</v>
      </c>
      <c r="E11" s="11">
        <v>102.06217616580311</v>
      </c>
    </row>
    <row r="12" spans="1:5" x14ac:dyDescent="0.25">
      <c r="A12" s="10">
        <v>38961</v>
      </c>
      <c r="B12" s="11">
        <v>89.119170984455948</v>
      </c>
      <c r="C12" s="11">
        <v>84.835630965005308</v>
      </c>
      <c r="D12" s="11">
        <v>96.378269617706223</v>
      </c>
      <c r="E12" s="11">
        <v>102.06217616580311</v>
      </c>
    </row>
    <row r="13" spans="1:5" x14ac:dyDescent="0.25">
      <c r="A13" s="10">
        <v>39052</v>
      </c>
      <c r="B13" s="11">
        <v>89.740932642487039</v>
      </c>
      <c r="C13" s="11">
        <v>86.214209968186637</v>
      </c>
      <c r="D13" s="11">
        <v>94.969818913480879</v>
      </c>
      <c r="E13" s="11">
        <v>102.06217616580311</v>
      </c>
    </row>
    <row r="14" spans="1:5" x14ac:dyDescent="0.25">
      <c r="A14" s="10">
        <v>39142</v>
      </c>
      <c r="B14" s="11">
        <v>90.777202072538856</v>
      </c>
      <c r="C14" s="11">
        <v>86.744432661717923</v>
      </c>
      <c r="D14" s="11">
        <v>98.289738430583498</v>
      </c>
      <c r="E14" s="11">
        <v>102.06217616580311</v>
      </c>
    </row>
    <row r="15" spans="1:5" x14ac:dyDescent="0.25">
      <c r="A15" s="10">
        <v>39234</v>
      </c>
      <c r="B15" s="11">
        <v>90.362694300518143</v>
      </c>
      <c r="C15" s="11">
        <v>85.790031813361622</v>
      </c>
      <c r="D15" s="11">
        <v>98.893360160965784</v>
      </c>
      <c r="E15" s="11">
        <v>102.06217616580311</v>
      </c>
    </row>
    <row r="16" spans="1:5" x14ac:dyDescent="0.25">
      <c r="A16" s="10">
        <v>39326</v>
      </c>
      <c r="B16" s="11">
        <v>90.880829015544037</v>
      </c>
      <c r="C16" s="11">
        <v>86.532343584305409</v>
      </c>
      <c r="D16" s="11">
        <v>99.396378269617699</v>
      </c>
      <c r="E16" s="11">
        <v>102.06217616580311</v>
      </c>
    </row>
    <row r="17" spans="1:5" x14ac:dyDescent="0.25">
      <c r="A17" s="10">
        <v>39417</v>
      </c>
      <c r="B17" s="11">
        <v>90.155440414507765</v>
      </c>
      <c r="C17" s="11">
        <v>85.683987274655365</v>
      </c>
      <c r="D17" s="11">
        <v>99.295774647887328</v>
      </c>
      <c r="E17" s="11">
        <v>102.06217616580311</v>
      </c>
    </row>
    <row r="18" spans="1:5" x14ac:dyDescent="0.25">
      <c r="A18" s="10">
        <v>39508</v>
      </c>
      <c r="B18" s="11">
        <v>90.673575129533674</v>
      </c>
      <c r="C18" s="11">
        <v>86.744432661717923</v>
      </c>
      <c r="D18" s="11">
        <v>98.591549295774641</v>
      </c>
      <c r="E18" s="11">
        <v>102.06217616580311</v>
      </c>
    </row>
    <row r="19" spans="1:5" x14ac:dyDescent="0.25">
      <c r="A19" s="10">
        <v>39600</v>
      </c>
      <c r="B19" s="11">
        <v>89.948186528497416</v>
      </c>
      <c r="C19" s="11">
        <v>87.06256627783668</v>
      </c>
      <c r="D19" s="11">
        <v>97.384305835010053</v>
      </c>
      <c r="E19" s="11">
        <v>102.06217616580311</v>
      </c>
    </row>
    <row r="20" spans="1:5" x14ac:dyDescent="0.25">
      <c r="A20" s="10">
        <v>39692</v>
      </c>
      <c r="B20" s="11">
        <v>90.051813471502598</v>
      </c>
      <c r="C20" s="11">
        <v>87.06256627783668</v>
      </c>
      <c r="D20" s="11">
        <v>98.792756539235398</v>
      </c>
      <c r="E20" s="11">
        <v>102.06217616580311</v>
      </c>
    </row>
    <row r="21" spans="1:5" x14ac:dyDescent="0.25">
      <c r="A21" s="10">
        <v>39783</v>
      </c>
      <c r="B21" s="11">
        <v>90.259067357512947</v>
      </c>
      <c r="C21" s="11">
        <v>87.698833510074238</v>
      </c>
      <c r="D21" s="11">
        <v>98.289738430583498</v>
      </c>
      <c r="E21" s="11">
        <v>102.06217616580311</v>
      </c>
    </row>
    <row r="22" spans="1:5" x14ac:dyDescent="0.25">
      <c r="A22" s="10">
        <v>39873</v>
      </c>
      <c r="B22" s="11">
        <v>91.502590673575128</v>
      </c>
      <c r="C22" s="11">
        <v>87.910922587486752</v>
      </c>
      <c r="D22" s="11">
        <v>96.680080482897367</v>
      </c>
      <c r="E22" s="11">
        <v>102.06217616580311</v>
      </c>
    </row>
    <row r="23" spans="1:5" x14ac:dyDescent="0.25">
      <c r="A23" s="10">
        <v>39965</v>
      </c>
      <c r="B23" s="11">
        <v>92.953367875647672</v>
      </c>
      <c r="C23" s="11">
        <v>88.971367974549324</v>
      </c>
      <c r="D23" s="11">
        <v>98.591549295774641</v>
      </c>
      <c r="E23" s="11">
        <v>102.06217616580311</v>
      </c>
    </row>
    <row r="24" spans="1:5" x14ac:dyDescent="0.25">
      <c r="A24" s="10">
        <v>40057</v>
      </c>
      <c r="B24" s="11">
        <v>93.575129533678762</v>
      </c>
      <c r="C24" s="11">
        <v>90.668080593849425</v>
      </c>
      <c r="D24" s="11">
        <v>97.484909456740439</v>
      </c>
      <c r="E24" s="11">
        <v>102.06217616580311</v>
      </c>
    </row>
    <row r="25" spans="1:5" x14ac:dyDescent="0.25">
      <c r="A25" s="10">
        <v>40148</v>
      </c>
      <c r="B25" s="11">
        <v>93.264248704663217</v>
      </c>
      <c r="C25" s="11">
        <v>90.668080593849425</v>
      </c>
      <c r="D25" s="11">
        <v>97.585513078470825</v>
      </c>
      <c r="E25" s="11">
        <v>102.06217616580311</v>
      </c>
    </row>
    <row r="26" spans="1:5" x14ac:dyDescent="0.25">
      <c r="A26" s="10">
        <v>40238</v>
      </c>
      <c r="B26" s="11">
        <v>93.264248704663217</v>
      </c>
      <c r="C26" s="11">
        <v>90.45599151643691</v>
      </c>
      <c r="D26" s="11">
        <v>100.70422535211267</v>
      </c>
      <c r="E26" s="11">
        <v>102.06217616580311</v>
      </c>
    </row>
    <row r="27" spans="1:5" x14ac:dyDescent="0.25">
      <c r="A27" s="10">
        <v>40330</v>
      </c>
      <c r="B27" s="11">
        <v>92.746113989637308</v>
      </c>
      <c r="C27" s="11">
        <v>90.562036055143167</v>
      </c>
      <c r="D27" s="11">
        <v>98.490945674044255</v>
      </c>
      <c r="E27" s="11">
        <v>102.06217616580311</v>
      </c>
    </row>
    <row r="28" spans="1:5" x14ac:dyDescent="0.25">
      <c r="A28" s="10">
        <v>40422</v>
      </c>
      <c r="B28" s="11">
        <v>93.056994818652853</v>
      </c>
      <c r="C28" s="11">
        <v>90.137857900318139</v>
      </c>
      <c r="D28" s="11">
        <v>98.289738430583498</v>
      </c>
      <c r="E28" s="11">
        <v>102.06217616580311</v>
      </c>
    </row>
    <row r="29" spans="1:5" x14ac:dyDescent="0.25">
      <c r="A29" s="10">
        <v>40513</v>
      </c>
      <c r="B29" s="11">
        <v>93.056994818652853</v>
      </c>
      <c r="C29" s="11">
        <v>90.668080593849425</v>
      </c>
      <c r="D29" s="11">
        <v>96.780684104627767</v>
      </c>
      <c r="E29" s="11">
        <v>102.06217616580311</v>
      </c>
    </row>
    <row r="30" spans="1:5" x14ac:dyDescent="0.25">
      <c r="A30" s="10">
        <v>40603</v>
      </c>
      <c r="B30" s="11">
        <v>91.917098445595855</v>
      </c>
      <c r="C30" s="11">
        <v>89.713679745493096</v>
      </c>
      <c r="D30" s="11">
        <v>96.478873239436624</v>
      </c>
      <c r="E30" s="11">
        <v>102.06217616580311</v>
      </c>
    </row>
    <row r="31" spans="1:5" x14ac:dyDescent="0.25">
      <c r="A31" s="10">
        <v>40695</v>
      </c>
      <c r="B31" s="11">
        <v>93.47150259067358</v>
      </c>
      <c r="C31" s="11">
        <v>91.940615058324511</v>
      </c>
      <c r="D31" s="11">
        <v>96.680080482897367</v>
      </c>
      <c r="E31" s="11">
        <v>102.06217616580311</v>
      </c>
    </row>
    <row r="32" spans="1:5" x14ac:dyDescent="0.25">
      <c r="A32" s="10">
        <v>40787</v>
      </c>
      <c r="B32" s="11">
        <v>94.507772020725383</v>
      </c>
      <c r="C32" s="11">
        <v>93.213149522799583</v>
      </c>
      <c r="D32" s="11">
        <v>97.384305835010053</v>
      </c>
      <c r="E32" s="11">
        <v>102.06217616580311</v>
      </c>
    </row>
    <row r="33" spans="1:5" x14ac:dyDescent="0.25">
      <c r="A33" s="10">
        <v>40878</v>
      </c>
      <c r="B33" s="11">
        <v>94.92227979274611</v>
      </c>
      <c r="C33" s="11">
        <v>92.895015906680797</v>
      </c>
      <c r="D33" s="11">
        <v>98.289738430583498</v>
      </c>
      <c r="E33" s="11">
        <v>102.06217616580311</v>
      </c>
    </row>
    <row r="34" spans="1:5" x14ac:dyDescent="0.25">
      <c r="A34" s="10">
        <v>40969</v>
      </c>
      <c r="B34" s="11">
        <v>95.5440414507772</v>
      </c>
      <c r="C34" s="11">
        <v>94.27359490986214</v>
      </c>
      <c r="D34" s="11">
        <v>97.786720321931583</v>
      </c>
      <c r="E34" s="11">
        <v>102.06217616580311</v>
      </c>
    </row>
    <row r="35" spans="1:5" x14ac:dyDescent="0.25">
      <c r="A35" s="10">
        <v>41061</v>
      </c>
      <c r="B35" s="11">
        <v>96.269430051813472</v>
      </c>
      <c r="C35" s="11">
        <v>95.015906680805941</v>
      </c>
      <c r="D35" s="11">
        <v>97.484909456740439</v>
      </c>
      <c r="E35" s="11">
        <v>102.06217616580311</v>
      </c>
    </row>
    <row r="36" spans="1:5" x14ac:dyDescent="0.25">
      <c r="A36" s="10">
        <v>41153</v>
      </c>
      <c r="B36" s="11">
        <v>97.098445595854926</v>
      </c>
      <c r="C36" s="11">
        <v>95.334040296924712</v>
      </c>
      <c r="D36" s="11">
        <v>100.10060362173037</v>
      </c>
      <c r="E36" s="11">
        <v>102.06217616580311</v>
      </c>
    </row>
    <row r="37" spans="1:5" x14ac:dyDescent="0.25">
      <c r="A37" s="10">
        <v>41244</v>
      </c>
      <c r="B37" s="11">
        <v>97.098445595854926</v>
      </c>
      <c r="C37" s="11">
        <v>96.500530222693541</v>
      </c>
      <c r="D37" s="11">
        <v>97.585513078470825</v>
      </c>
      <c r="E37" s="11">
        <v>102.06217616580311</v>
      </c>
    </row>
    <row r="38" spans="1:5" x14ac:dyDescent="0.25">
      <c r="A38" s="10">
        <v>41334</v>
      </c>
      <c r="B38" s="11">
        <v>97.409326424870471</v>
      </c>
      <c r="C38" s="11">
        <v>96.288441145281027</v>
      </c>
      <c r="D38" s="11">
        <v>98.490945674044255</v>
      </c>
      <c r="E38" s="11">
        <v>102.06217616580311</v>
      </c>
    </row>
    <row r="39" spans="1:5" x14ac:dyDescent="0.25">
      <c r="A39" s="10">
        <v>41426</v>
      </c>
      <c r="B39" s="11">
        <v>97.30569948186529</v>
      </c>
      <c r="C39" s="11">
        <v>96.606574761399784</v>
      </c>
      <c r="D39" s="11">
        <v>98.490945674044255</v>
      </c>
      <c r="E39" s="11">
        <v>102.06217616580311</v>
      </c>
    </row>
    <row r="40" spans="1:5" x14ac:dyDescent="0.25">
      <c r="A40" s="10">
        <v>41518</v>
      </c>
      <c r="B40" s="11">
        <v>97.823834196891198</v>
      </c>
      <c r="C40" s="11">
        <v>97.242841993637327</v>
      </c>
      <c r="D40" s="11">
        <v>98.792756539235398</v>
      </c>
      <c r="E40" s="11">
        <v>102.06217616580311</v>
      </c>
    </row>
    <row r="41" spans="1:5" x14ac:dyDescent="0.25">
      <c r="A41" s="10">
        <v>41609</v>
      </c>
      <c r="B41" s="11">
        <v>98.963730569948183</v>
      </c>
      <c r="C41" s="11">
        <v>98.409331919406156</v>
      </c>
      <c r="D41" s="11">
        <v>100.10060362173037</v>
      </c>
      <c r="E41" s="11">
        <v>102.06217616580311</v>
      </c>
    </row>
    <row r="42" spans="1:5" x14ac:dyDescent="0.25">
      <c r="A42" s="10">
        <v>41699</v>
      </c>
      <c r="B42" s="11">
        <v>99.896373056994818</v>
      </c>
      <c r="C42" s="11">
        <v>99.469777306468714</v>
      </c>
      <c r="D42" s="11">
        <v>100</v>
      </c>
      <c r="E42" s="11">
        <v>102.06217616580311</v>
      </c>
    </row>
    <row r="43" spans="1:5" x14ac:dyDescent="0.25">
      <c r="A43" s="10">
        <v>41791</v>
      </c>
      <c r="B43" s="11">
        <v>100</v>
      </c>
      <c r="C43" s="11">
        <v>100</v>
      </c>
      <c r="D43" s="11">
        <v>100</v>
      </c>
      <c r="E43" s="11">
        <v>102.06217616580311</v>
      </c>
    </row>
    <row r="44" spans="1:5" x14ac:dyDescent="0.25">
      <c r="A44" s="10">
        <v>41883</v>
      </c>
      <c r="B44" s="11">
        <v>100.20725388601038</v>
      </c>
      <c r="C44" s="11">
        <v>100.31813361611877</v>
      </c>
      <c r="D44" s="11">
        <v>99.396378269617699</v>
      </c>
      <c r="E44" s="11">
        <v>102.06217616580311</v>
      </c>
    </row>
    <row r="45" spans="1:5" x14ac:dyDescent="0.25">
      <c r="A45" s="10">
        <v>41974</v>
      </c>
      <c r="B45" s="11">
        <v>100.72538860103629</v>
      </c>
      <c r="C45" s="11">
        <v>100.84835630965006</v>
      </c>
      <c r="D45" s="11">
        <v>100.90543259557343</v>
      </c>
      <c r="E45" s="11">
        <v>102.06217616580311</v>
      </c>
    </row>
    <row r="46" spans="1:5" x14ac:dyDescent="0.25">
      <c r="A46" s="10">
        <v>42064</v>
      </c>
      <c r="B46" s="11">
        <v>100.72538860103629</v>
      </c>
      <c r="C46" s="11">
        <v>101.16648992576881</v>
      </c>
      <c r="D46" s="11">
        <v>99.396378269617699</v>
      </c>
      <c r="E46" s="11">
        <v>102.06217616580311</v>
      </c>
    </row>
    <row r="47" spans="1:5" x14ac:dyDescent="0.25">
      <c r="A47" s="10">
        <v>42156</v>
      </c>
      <c r="B47" s="11">
        <v>100.10362694300518</v>
      </c>
      <c r="C47" s="11">
        <v>101.16648992576881</v>
      </c>
      <c r="D47" s="11">
        <v>98.390342052313869</v>
      </c>
      <c r="E47" s="11">
        <v>102.06217616580311</v>
      </c>
    </row>
    <row r="48" spans="1:5" x14ac:dyDescent="0.25">
      <c r="A48" s="10">
        <v>42248</v>
      </c>
      <c r="B48" s="11">
        <v>100.93264248704664</v>
      </c>
      <c r="C48" s="11">
        <v>101.27253446447509</v>
      </c>
      <c r="D48" s="11">
        <v>99.899396378269614</v>
      </c>
      <c r="E48" s="11">
        <v>102.06217616580311</v>
      </c>
    </row>
    <row r="49" spans="1:5" x14ac:dyDescent="0.25">
      <c r="A49" s="10">
        <v>42339</v>
      </c>
      <c r="B49" s="11">
        <v>100.93264248704664</v>
      </c>
      <c r="C49" s="11">
        <v>101.48462354188761</v>
      </c>
      <c r="D49" s="11">
        <v>99.195171026156927</v>
      </c>
      <c r="E49" s="11">
        <v>102.06217616580311</v>
      </c>
    </row>
    <row r="50" spans="1:5" x14ac:dyDescent="0.25">
      <c r="A50" s="10">
        <v>42430</v>
      </c>
      <c r="B50" s="11">
        <v>101.45077720207254</v>
      </c>
      <c r="C50" s="11">
        <v>101.69671261930011</v>
      </c>
      <c r="D50" s="11">
        <v>99.798792756539228</v>
      </c>
      <c r="E50" s="11">
        <v>102.06217616580311</v>
      </c>
    </row>
    <row r="51" spans="1:5" x14ac:dyDescent="0.25">
      <c r="A51" s="10">
        <v>42522</v>
      </c>
      <c r="B51" s="11">
        <v>102.38341968911917</v>
      </c>
      <c r="C51" s="11">
        <v>103.07529162248146</v>
      </c>
      <c r="D51" s="11">
        <v>99.496981891348085</v>
      </c>
      <c r="E51" s="11">
        <v>102.06217616580311</v>
      </c>
    </row>
    <row r="52" spans="1:5" x14ac:dyDescent="0.25">
      <c r="A52" s="10">
        <v>42614</v>
      </c>
      <c r="B52" s="11">
        <v>101.86528497409326</v>
      </c>
      <c r="C52" s="11">
        <v>102.86320254506893</v>
      </c>
      <c r="D52" s="11">
        <v>97.183098591549282</v>
      </c>
      <c r="E52" s="11">
        <v>102.06217616580311</v>
      </c>
    </row>
    <row r="53" spans="1:5" x14ac:dyDescent="0.25">
      <c r="A53" s="10">
        <v>42705</v>
      </c>
      <c r="B53" s="11">
        <v>102.79792746113989</v>
      </c>
      <c r="C53" s="11">
        <v>103.71155885471899</v>
      </c>
      <c r="D53" s="11">
        <v>98.088531187122726</v>
      </c>
      <c r="E53" s="11">
        <v>102.06217616580311</v>
      </c>
    </row>
    <row r="54" spans="1:5" x14ac:dyDescent="0.25">
      <c r="A54" s="10">
        <v>42795</v>
      </c>
      <c r="B54" s="11">
        <v>101.96891191709845</v>
      </c>
      <c r="C54" s="11">
        <v>103.28738069989396</v>
      </c>
      <c r="D54" s="11">
        <v>97.887323943661968</v>
      </c>
      <c r="E54" s="11">
        <v>102.06217616580311</v>
      </c>
    </row>
    <row r="55" spans="1:5" x14ac:dyDescent="0.25">
      <c r="A55" s="10">
        <v>42887</v>
      </c>
      <c r="B55" s="11">
        <v>101.86528497409326</v>
      </c>
      <c r="C55" s="11">
        <v>102.86320254506893</v>
      </c>
      <c r="D55" s="11">
        <v>98.692152917505013</v>
      </c>
      <c r="E55" s="11">
        <v>102.06217616580311</v>
      </c>
    </row>
    <row r="56" spans="1:5" x14ac:dyDescent="0.25">
      <c r="A56" s="10">
        <v>42979</v>
      </c>
      <c r="B56" s="11">
        <v>102.1761658031088</v>
      </c>
      <c r="C56" s="11">
        <v>103.28738069989396</v>
      </c>
      <c r="D56" s="11">
        <v>98.692152917505013</v>
      </c>
      <c r="E56" s="11">
        <v>102.06217616580311</v>
      </c>
    </row>
    <row r="57" spans="1:5" x14ac:dyDescent="0.25">
      <c r="A57" s="10">
        <v>43070</v>
      </c>
      <c r="B57" s="11">
        <v>101.96891191709845</v>
      </c>
      <c r="C57" s="11">
        <v>102.4390243902439</v>
      </c>
      <c r="D57" s="11">
        <v>99.396378269617699</v>
      </c>
      <c r="E57" s="11">
        <v>102.06217616580311</v>
      </c>
    </row>
    <row r="58" spans="1:5" x14ac:dyDescent="0.25">
      <c r="A58" s="10">
        <v>43160</v>
      </c>
      <c r="B58" s="11">
        <v>102.90155440414507</v>
      </c>
      <c r="C58" s="11">
        <v>104.13573700954402</v>
      </c>
      <c r="D58" s="11">
        <v>98.591549295774641</v>
      </c>
      <c r="E58" s="11">
        <v>102.06217616580311</v>
      </c>
    </row>
    <row r="59" spans="1:5" x14ac:dyDescent="0.25">
      <c r="A59" s="10">
        <v>43252</v>
      </c>
      <c r="B59" s="11">
        <v>102.90155440414507</v>
      </c>
      <c r="C59" s="11">
        <v>104.77200424178154</v>
      </c>
      <c r="D59" s="11">
        <v>98.390342052313869</v>
      </c>
      <c r="E59" s="11">
        <v>102.06217616580311</v>
      </c>
    </row>
    <row r="60" spans="1:5" x14ac:dyDescent="0.25">
      <c r="A60" s="10">
        <v>43344</v>
      </c>
      <c r="B60" s="11">
        <v>102.59067357512954</v>
      </c>
      <c r="C60" s="11">
        <v>103.81760339342524</v>
      </c>
      <c r="D60" s="11">
        <v>99.798792756539228</v>
      </c>
      <c r="E60" s="11">
        <v>102.06217616580311</v>
      </c>
    </row>
    <row r="61" spans="1:5" x14ac:dyDescent="0.25">
      <c r="A61" s="10">
        <v>43435</v>
      </c>
      <c r="B61" s="11">
        <v>102.69430051813471</v>
      </c>
      <c r="C61" s="11">
        <v>103.92364793213149</v>
      </c>
      <c r="D61" s="11">
        <v>99.597585513078471</v>
      </c>
      <c r="E61" s="11">
        <v>102.06217616580311</v>
      </c>
    </row>
    <row r="62" spans="1:5" x14ac:dyDescent="0.25">
      <c r="A62" s="10">
        <v>43525</v>
      </c>
      <c r="B62" s="11">
        <v>102.1761658031088</v>
      </c>
      <c r="C62" s="11">
        <v>102.86320254506893</v>
      </c>
      <c r="D62" s="11">
        <v>100.60362173038229</v>
      </c>
      <c r="E62" s="11">
        <v>102.06217616580311</v>
      </c>
    </row>
    <row r="63" spans="1:5" x14ac:dyDescent="0.25">
      <c r="A63" s="10">
        <v>43617</v>
      </c>
      <c r="B63" s="11">
        <v>102.79792746113989</v>
      </c>
      <c r="C63" s="11">
        <v>104.55991516436902</v>
      </c>
      <c r="D63" s="11">
        <v>99.597585513078471</v>
      </c>
      <c r="E63" s="11">
        <v>102.06217616580311</v>
      </c>
    </row>
    <row r="64" spans="1:5" x14ac:dyDescent="0.25">
      <c r="A64" s="10">
        <v>43709</v>
      </c>
      <c r="B64" s="11">
        <v>102.69430051813471</v>
      </c>
      <c r="C64" s="11">
        <v>104.24178154825026</v>
      </c>
      <c r="D64" s="11">
        <v>101.00603621730382</v>
      </c>
      <c r="E64" s="11">
        <v>102.06217616580311</v>
      </c>
    </row>
    <row r="65" spans="1:5" x14ac:dyDescent="0.25">
      <c r="A65" s="10">
        <v>43800</v>
      </c>
      <c r="B65" s="11">
        <v>103.3160621761658</v>
      </c>
      <c r="C65" s="11">
        <v>104.34782608695654</v>
      </c>
      <c r="D65" s="11">
        <v>102.41448692152917</v>
      </c>
      <c r="E65" s="11">
        <v>102.06217616580311</v>
      </c>
    </row>
    <row r="66" spans="1:5" x14ac:dyDescent="0.25">
      <c r="A66" s="10">
        <v>43891</v>
      </c>
      <c r="B66" s="11">
        <v>104.66321243523315</v>
      </c>
      <c r="C66" s="11">
        <v>105.30222693531283</v>
      </c>
      <c r="D66" s="11">
        <v>103.52112676056338</v>
      </c>
      <c r="E66" s="11">
        <v>102.06217616580311</v>
      </c>
    </row>
    <row r="67" spans="1:5" x14ac:dyDescent="0.25">
      <c r="A67" s="10">
        <v>43983</v>
      </c>
      <c r="B67" s="11">
        <v>106.11398963730569</v>
      </c>
      <c r="C67" s="11">
        <v>108.37751855779428</v>
      </c>
      <c r="D67" s="11">
        <v>101.81086519114689</v>
      </c>
      <c r="E67" s="11">
        <v>102.06217616580311</v>
      </c>
    </row>
    <row r="68" spans="1:5" x14ac:dyDescent="0.25">
      <c r="A68" s="10">
        <v>44075</v>
      </c>
      <c r="B68" s="11">
        <v>105.18134715025906</v>
      </c>
      <c r="C68" s="11">
        <v>106.57476139978792</v>
      </c>
      <c r="D68" s="11">
        <v>104.32595573440643</v>
      </c>
      <c r="E68" s="11">
        <v>102.06217616580311</v>
      </c>
    </row>
    <row r="69" spans="1:5" x14ac:dyDescent="0.25">
      <c r="A69" s="10">
        <v>44166</v>
      </c>
      <c r="B69" s="11">
        <v>105.90673575129534</v>
      </c>
      <c r="C69" s="11">
        <v>107.74125132555675</v>
      </c>
      <c r="D69" s="11">
        <v>103.21931589537223</v>
      </c>
      <c r="E69" s="11">
        <v>102.06217616580311</v>
      </c>
    </row>
    <row r="70" spans="1:5" x14ac:dyDescent="0.25">
      <c r="A70" s="10">
        <v>44256</v>
      </c>
      <c r="B70" s="11">
        <v>107.04663212435233</v>
      </c>
      <c r="C70" s="11">
        <v>107.95334040296925</v>
      </c>
      <c r="D70" s="11">
        <v>104.62776659959758</v>
      </c>
      <c r="E70" s="11">
        <v>102.06217616580311</v>
      </c>
    </row>
    <row r="71" spans="1:5" x14ac:dyDescent="0.25">
      <c r="A71" s="10">
        <v>44348</v>
      </c>
      <c r="B71" s="11">
        <v>106.21761658031087</v>
      </c>
      <c r="C71" s="11">
        <v>107.10498409331919</v>
      </c>
      <c r="D71" s="11">
        <v>106.23742454728369</v>
      </c>
      <c r="E71" s="11">
        <v>102.06217616580311</v>
      </c>
    </row>
    <row r="72" spans="1:5" x14ac:dyDescent="0.25">
      <c r="A72" s="10">
        <v>44440</v>
      </c>
      <c r="B72" s="11">
        <v>107.15025906735751</v>
      </c>
      <c r="C72" s="11">
        <v>109.86214209968186</v>
      </c>
      <c r="D72" s="11">
        <v>102.91750503018106</v>
      </c>
      <c r="E72" s="11">
        <v>102.06217616580311</v>
      </c>
    </row>
    <row r="73" spans="1:5" x14ac:dyDescent="0.25">
      <c r="A73" s="10">
        <v>44531</v>
      </c>
      <c r="B73" s="11">
        <v>108.08290155440415</v>
      </c>
      <c r="C73" s="11">
        <v>110.92258748674443</v>
      </c>
      <c r="D73" s="11">
        <v>103.21931589537223</v>
      </c>
      <c r="E73" s="11">
        <v>102.06217616580311</v>
      </c>
    </row>
    <row r="74" spans="1:5" x14ac:dyDescent="0.25">
      <c r="A74" s="10">
        <v>44621</v>
      </c>
      <c r="B74" s="11">
        <v>109.01554404145077</v>
      </c>
      <c r="C74" s="11">
        <v>110.60445387062568</v>
      </c>
      <c r="D74" s="11">
        <v>106.03621730382294</v>
      </c>
      <c r="E74" s="11">
        <v>102.06217616580311</v>
      </c>
    </row>
    <row r="75" spans="1:5" x14ac:dyDescent="0.25">
      <c r="A75" s="10">
        <v>44713</v>
      </c>
      <c r="B75" s="11">
        <v>106.42487046632125</v>
      </c>
      <c r="C75" s="11">
        <v>108.0593849416755</v>
      </c>
      <c r="D75" s="11">
        <v>104.62776659959758</v>
      </c>
      <c r="E75" s="11">
        <v>102.06217616580311</v>
      </c>
    </row>
    <row r="76" spans="1:5" x14ac:dyDescent="0.25">
      <c r="A76" s="10">
        <v>44805</v>
      </c>
      <c r="B76" s="11">
        <v>105.28497409326425</v>
      </c>
      <c r="C76" s="11">
        <v>107.10498409331919</v>
      </c>
      <c r="D76" s="11">
        <v>103.72233400402413</v>
      </c>
      <c r="E76" s="11">
        <v>102.06217616580311</v>
      </c>
    </row>
    <row r="77" spans="1:5" x14ac:dyDescent="0.25">
      <c r="A77" s="10">
        <v>44896</v>
      </c>
      <c r="B77" s="11">
        <v>103.93782383419689</v>
      </c>
      <c r="C77" s="11">
        <v>105.51431601272535</v>
      </c>
      <c r="D77" s="11">
        <v>102.11267605633803</v>
      </c>
      <c r="E77" s="11">
        <v>102.06217616580311</v>
      </c>
    </row>
    <row r="78" spans="1:5" x14ac:dyDescent="0.25">
      <c r="A78" s="10">
        <v>44986</v>
      </c>
      <c r="B78" s="11">
        <v>103.41968911917098</v>
      </c>
      <c r="C78" s="11">
        <v>106.15058324496287</v>
      </c>
      <c r="D78" s="11">
        <v>99.295774647887328</v>
      </c>
      <c r="E78" s="11">
        <v>102.06217616580311</v>
      </c>
    </row>
    <row r="79" spans="1:5" x14ac:dyDescent="0.25">
      <c r="A79" s="10">
        <v>45078</v>
      </c>
      <c r="B79" s="11">
        <v>101.96891191709845</v>
      </c>
      <c r="C79" s="11">
        <v>105.51431601272535</v>
      </c>
      <c r="D79" s="11">
        <v>97.183098591549282</v>
      </c>
      <c r="E79" s="11">
        <v>102.06217616580311</v>
      </c>
    </row>
    <row r="80" spans="1:5" x14ac:dyDescent="0.25">
      <c r="A80" s="10">
        <v>45170</v>
      </c>
      <c r="B80" s="11">
        <v>103.41968911917098</v>
      </c>
      <c r="C80" s="11">
        <v>106.46871686108166</v>
      </c>
      <c r="D80" s="11">
        <v>99.698189134808842</v>
      </c>
      <c r="E80" s="11">
        <v>102.06217616580311</v>
      </c>
    </row>
    <row r="81" spans="1:5" x14ac:dyDescent="0.25">
      <c r="A81" s="10">
        <v>45261</v>
      </c>
      <c r="B81" s="11">
        <v>104.04145077720209</v>
      </c>
      <c r="C81" s="11">
        <v>107.42311770943796</v>
      </c>
      <c r="D81" s="11">
        <v>99.698189134808842</v>
      </c>
      <c r="E81" s="11">
        <v>102.06217616580311</v>
      </c>
    </row>
    <row r="82" spans="1:5" x14ac:dyDescent="0.25">
      <c r="A82" s="10">
        <v>45352</v>
      </c>
      <c r="B82" s="11">
        <v>104.14507772020724</v>
      </c>
      <c r="C82" s="11">
        <v>108.16542948038177</v>
      </c>
      <c r="D82" s="11">
        <v>98.591549295774641</v>
      </c>
      <c r="E82" s="11">
        <v>102.06217616580311</v>
      </c>
    </row>
    <row r="83" spans="1:5" x14ac:dyDescent="0.25">
      <c r="A83" s="10">
        <v>45444</v>
      </c>
      <c r="B83" s="11">
        <v>103.41968911917098</v>
      </c>
      <c r="C83" s="11">
        <v>107.74125132555675</v>
      </c>
      <c r="D83" s="11">
        <v>97.08249496981891</v>
      </c>
      <c r="E83" s="11">
        <v>102.06217616580311</v>
      </c>
    </row>
    <row r="84" spans="1:5" x14ac:dyDescent="0.25">
      <c r="A84" s="10">
        <v>45536</v>
      </c>
      <c r="B84" s="11">
        <v>103.10880829015545</v>
      </c>
      <c r="C84" s="11">
        <v>107.21102863202545</v>
      </c>
      <c r="D84" s="11">
        <v>96.981891348088539</v>
      </c>
      <c r="E84" s="11">
        <v>102.06217616580311</v>
      </c>
    </row>
    <row r="85" spans="1:5" x14ac:dyDescent="0.25">
      <c r="A85" s="10">
        <v>45627</v>
      </c>
      <c r="B85" s="11">
        <v>103.21243523316062</v>
      </c>
      <c r="C85" s="11">
        <v>107.31707317073172</v>
      </c>
      <c r="D85" s="11">
        <v>97.08249496981891</v>
      </c>
      <c r="E85" s="11">
        <v>102.06217616580311</v>
      </c>
    </row>
    <row r="86" spans="1:5" x14ac:dyDescent="0.25">
      <c r="A86" s="10">
        <v>45717</v>
      </c>
      <c r="B86" s="11">
        <v>103.21243523316062</v>
      </c>
      <c r="C86" s="11">
        <v>107.52916224814425</v>
      </c>
      <c r="D86" s="11">
        <v>96.579476861166995</v>
      </c>
      <c r="E86" s="11">
        <v>102.06217616580311</v>
      </c>
    </row>
    <row r="87" spans="1:5" x14ac:dyDescent="0.25">
      <c r="A87" s="10">
        <v>45809</v>
      </c>
      <c r="B87" s="11">
        <v>103.52331606217618</v>
      </c>
      <c r="C87" s="11">
        <v>108.0593849416755</v>
      </c>
      <c r="D87" s="11">
        <v>96.981891348088539</v>
      </c>
      <c r="E87" s="11">
        <v>102.06217616580311</v>
      </c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  <drawing r:id="rId2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4AD788F-2321-4620-8842-75B0E89CF56C}">
  <dimension ref="A1:C6"/>
  <sheetViews>
    <sheetView zoomScaleNormal="100" workbookViewId="0"/>
  </sheetViews>
  <sheetFormatPr defaultRowHeight="12.5" x14ac:dyDescent="0.25"/>
  <cols>
    <col min="1" max="1" width="20.54296875" customWidth="1"/>
    <col min="2" max="2" width="11.453125" bestFit="1" customWidth="1"/>
    <col min="3" max="3" width="12.7265625" bestFit="1" customWidth="1"/>
  </cols>
  <sheetData>
    <row r="1" spans="1:3" ht="13" x14ac:dyDescent="0.3">
      <c r="A1" s="1" t="s">
        <v>19</v>
      </c>
    </row>
    <row r="2" spans="1:3" ht="13" x14ac:dyDescent="0.3">
      <c r="A2" s="1"/>
    </row>
    <row r="3" spans="1:3" x14ac:dyDescent="0.25">
      <c r="A3" t="s">
        <v>20</v>
      </c>
      <c r="B3" t="s">
        <v>21</v>
      </c>
      <c r="C3" t="s">
        <v>22</v>
      </c>
    </row>
    <row r="4" spans="1:3" x14ac:dyDescent="0.25">
      <c r="A4" t="s">
        <v>23</v>
      </c>
      <c r="B4">
        <v>0.6</v>
      </c>
      <c r="C4">
        <v>0.3</v>
      </c>
    </row>
    <row r="5" spans="1:3" x14ac:dyDescent="0.25">
      <c r="A5" t="s">
        <v>24</v>
      </c>
      <c r="B5">
        <v>0.3</v>
      </c>
      <c r="C5">
        <v>0.3</v>
      </c>
    </row>
    <row r="6" spans="1:3" x14ac:dyDescent="0.25">
      <c r="A6" t="s">
        <v>25</v>
      </c>
      <c r="B6" s="4">
        <v>0.3</v>
      </c>
      <c r="C6">
        <v>0</v>
      </c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  <drawing r:id="rId2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D4199D4-BA59-4164-84E7-D4EFD7DCBDCA}">
  <dimension ref="A1:C6"/>
  <sheetViews>
    <sheetView workbookViewId="0"/>
  </sheetViews>
  <sheetFormatPr defaultRowHeight="12.5" x14ac:dyDescent="0.25"/>
  <cols>
    <col min="1" max="1" width="47.7265625" bestFit="1" customWidth="1"/>
    <col min="2" max="2" width="14.7265625" customWidth="1"/>
    <col min="3" max="3" width="12.26953125" bestFit="1" customWidth="1"/>
  </cols>
  <sheetData>
    <row r="1" spans="1:3" ht="13" x14ac:dyDescent="0.3">
      <c r="A1" s="1" t="s">
        <v>26</v>
      </c>
    </row>
    <row r="2" spans="1:3" ht="13" x14ac:dyDescent="0.3">
      <c r="A2" s="1"/>
    </row>
    <row r="3" spans="1:3" x14ac:dyDescent="0.25">
      <c r="A3" t="s">
        <v>27</v>
      </c>
      <c r="B3" t="s">
        <v>28</v>
      </c>
      <c r="C3" t="s">
        <v>29</v>
      </c>
    </row>
    <row r="4" spans="1:3" x14ac:dyDescent="0.25">
      <c r="A4" t="s">
        <v>23</v>
      </c>
      <c r="B4" s="4">
        <v>1.8</v>
      </c>
      <c r="C4" s="4">
        <v>0.92657342657342934</v>
      </c>
    </row>
    <row r="5" spans="1:3" x14ac:dyDescent="0.25">
      <c r="A5" t="s">
        <v>24</v>
      </c>
      <c r="B5" s="4">
        <v>1.6</v>
      </c>
      <c r="C5" s="4">
        <v>-0.48828125</v>
      </c>
    </row>
    <row r="6" spans="1:3" x14ac:dyDescent="0.25">
      <c r="A6" t="s">
        <v>25</v>
      </c>
      <c r="B6" s="4">
        <v>0.2</v>
      </c>
      <c r="C6" s="4">
        <v>1.4227642276422703</v>
      </c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  <drawing r:id="rId2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200-000000000000}">
  <dimension ref="A1:F33"/>
  <sheetViews>
    <sheetView zoomScaleNormal="100" workbookViewId="0"/>
  </sheetViews>
  <sheetFormatPr defaultRowHeight="12.5" x14ac:dyDescent="0.25"/>
  <cols>
    <col min="1" max="1" width="16.81640625" customWidth="1"/>
    <col min="2" max="2" width="27.453125" bestFit="1" customWidth="1"/>
    <col min="3" max="3" width="12.54296875" bestFit="1" customWidth="1"/>
    <col min="7" max="7" width="13.54296875" customWidth="1"/>
  </cols>
  <sheetData>
    <row r="1" spans="1:6" ht="13" x14ac:dyDescent="0.3">
      <c r="A1" s="1" t="s">
        <v>10</v>
      </c>
    </row>
    <row r="3" spans="1:6" x14ac:dyDescent="0.25">
      <c r="B3" t="s">
        <v>30</v>
      </c>
      <c r="C3" t="s">
        <v>16</v>
      </c>
    </row>
    <row r="4" spans="1:6" x14ac:dyDescent="0.25">
      <c r="A4" t="s">
        <v>31</v>
      </c>
      <c r="B4">
        <v>100</v>
      </c>
      <c r="C4">
        <v>100</v>
      </c>
      <c r="F4" s="6"/>
    </row>
    <row r="5" spans="1:6" x14ac:dyDescent="0.25">
      <c r="A5" t="s">
        <v>32</v>
      </c>
      <c r="B5">
        <v>101.57049400215601</v>
      </c>
      <c r="C5">
        <v>101.57170923379175</v>
      </c>
      <c r="F5" s="6"/>
    </row>
    <row r="6" spans="1:6" x14ac:dyDescent="0.25">
      <c r="A6" t="s">
        <v>33</v>
      </c>
      <c r="B6">
        <v>106.378727197515</v>
      </c>
      <c r="C6">
        <v>106.48330058939098</v>
      </c>
      <c r="F6" s="6"/>
    </row>
    <row r="7" spans="1:6" x14ac:dyDescent="0.25">
      <c r="A7" t="s">
        <v>34</v>
      </c>
      <c r="B7">
        <v>110.83195829015099</v>
      </c>
      <c r="C7">
        <v>111.1984282907662</v>
      </c>
      <c r="F7" s="6"/>
    </row>
    <row r="8" spans="1:6" x14ac:dyDescent="0.25">
      <c r="A8" t="s">
        <v>35</v>
      </c>
      <c r="B8">
        <v>113.876057380237</v>
      </c>
      <c r="C8">
        <v>114.3418467583497</v>
      </c>
      <c r="F8" s="6"/>
    </row>
    <row r="9" spans="1:6" x14ac:dyDescent="0.25">
      <c r="A9" t="s">
        <v>36</v>
      </c>
      <c r="B9">
        <v>115.122871954491</v>
      </c>
      <c r="C9">
        <v>115.5206286836935</v>
      </c>
      <c r="F9" s="6"/>
    </row>
    <row r="10" spans="1:6" x14ac:dyDescent="0.25">
      <c r="A10" t="s">
        <v>37</v>
      </c>
      <c r="B10">
        <v>119.383590663012</v>
      </c>
      <c r="C10">
        <v>119.25343811394893</v>
      </c>
      <c r="F10" s="6"/>
    </row>
    <row r="11" spans="1:6" x14ac:dyDescent="0.25">
      <c r="A11" t="s">
        <v>38</v>
      </c>
      <c r="B11">
        <v>124.032633872752</v>
      </c>
      <c r="C11">
        <v>123.77210216110019</v>
      </c>
      <c r="F11" s="6"/>
    </row>
    <row r="12" spans="1:6" x14ac:dyDescent="0.25">
      <c r="A12" t="s">
        <v>39</v>
      </c>
      <c r="B12">
        <v>126.29864958171399</v>
      </c>
      <c r="C12">
        <v>126.12966601178783</v>
      </c>
      <c r="F12" s="6"/>
    </row>
    <row r="13" spans="1:6" x14ac:dyDescent="0.25">
      <c r="A13" t="s">
        <v>40</v>
      </c>
      <c r="B13">
        <v>131.353639237625</v>
      </c>
      <c r="C13">
        <v>131.04125736738703</v>
      </c>
      <c r="F13" s="6"/>
    </row>
    <row r="14" spans="1:6" x14ac:dyDescent="0.25">
      <c r="A14" t="s">
        <v>41</v>
      </c>
      <c r="B14">
        <v>134.951032473059</v>
      </c>
      <c r="C14">
        <v>134.38113948919451</v>
      </c>
      <c r="F14" s="6"/>
    </row>
    <row r="15" spans="1:6" x14ac:dyDescent="0.25">
      <c r="A15" t="s">
        <v>42</v>
      </c>
      <c r="B15">
        <v>140.62921505189999</v>
      </c>
      <c r="C15">
        <v>140.27504911591359</v>
      </c>
      <c r="F15" s="6"/>
    </row>
    <row r="16" spans="1:6" x14ac:dyDescent="0.25">
      <c r="A16" t="s">
        <v>43</v>
      </c>
      <c r="B16">
        <v>142.661382426849</v>
      </c>
      <c r="C16">
        <v>143.41846758349706</v>
      </c>
      <c r="F16" s="6"/>
    </row>
    <row r="17" spans="1:6" x14ac:dyDescent="0.25">
      <c r="A17" t="s">
        <v>44</v>
      </c>
      <c r="B17">
        <v>145.822274157241</v>
      </c>
      <c r="C17">
        <v>147.74066797642439</v>
      </c>
      <c r="F17" s="6"/>
    </row>
    <row r="18" spans="1:6" x14ac:dyDescent="0.25">
      <c r="A18" t="s">
        <v>45</v>
      </c>
      <c r="B18">
        <v>151.320728080625</v>
      </c>
      <c r="C18">
        <v>155.20628683693519</v>
      </c>
      <c r="F18" s="6"/>
    </row>
    <row r="19" spans="1:6" x14ac:dyDescent="0.25">
      <c r="A19" t="s">
        <v>46</v>
      </c>
      <c r="B19">
        <v>156.94281970782998</v>
      </c>
      <c r="C19">
        <v>162.47544204322202</v>
      </c>
      <c r="F19" s="6"/>
    </row>
    <row r="20" spans="1:6" x14ac:dyDescent="0.25">
      <c r="A20" t="s">
        <v>47</v>
      </c>
      <c r="B20">
        <v>157.67081979482001</v>
      </c>
      <c r="C20">
        <v>165.22593320235757</v>
      </c>
      <c r="F20" s="6"/>
    </row>
    <row r="21" spans="1:6" x14ac:dyDescent="0.25">
      <c r="A21" t="s">
        <v>48</v>
      </c>
      <c r="B21">
        <v>161.07380849067701</v>
      </c>
      <c r="C21">
        <v>173.2809430255403</v>
      </c>
      <c r="F21" s="6"/>
    </row>
    <row r="22" spans="1:6" x14ac:dyDescent="0.25">
      <c r="A22" t="s">
        <v>49</v>
      </c>
      <c r="B22">
        <v>164.43318145248799</v>
      </c>
      <c r="C22">
        <v>181.53241650294697</v>
      </c>
      <c r="F22" s="6"/>
    </row>
    <row r="23" spans="1:6" x14ac:dyDescent="0.25">
      <c r="A23" t="s">
        <v>50</v>
      </c>
      <c r="B23">
        <v>166.972609396043</v>
      </c>
      <c r="C23">
        <v>188.01571709233792</v>
      </c>
      <c r="F23" s="6"/>
    </row>
    <row r="24" spans="1:6" x14ac:dyDescent="0.25">
      <c r="A24" t="s">
        <v>51</v>
      </c>
      <c r="B24">
        <v>169.31210035222298</v>
      </c>
      <c r="C24">
        <v>192.92730844793715</v>
      </c>
      <c r="F24" s="6"/>
    </row>
    <row r="25" spans="1:6" x14ac:dyDescent="0.25">
      <c r="A25" t="s">
        <v>52</v>
      </c>
      <c r="B25">
        <v>169.60937294597599</v>
      </c>
      <c r="C25">
        <v>194.30255402750493</v>
      </c>
      <c r="F25" s="6"/>
    </row>
    <row r="26" spans="1:6" x14ac:dyDescent="0.25">
      <c r="A26" t="s">
        <v>53</v>
      </c>
      <c r="B26">
        <v>171.475939044336</v>
      </c>
      <c r="C26">
        <v>196.66011787819252</v>
      </c>
      <c r="F26" s="6"/>
    </row>
    <row r="27" spans="1:6" x14ac:dyDescent="0.25">
      <c r="A27" t="s">
        <v>54</v>
      </c>
      <c r="B27">
        <v>171.05846451993401</v>
      </c>
      <c r="C27">
        <v>195.67779960707267</v>
      </c>
      <c r="F27" s="6"/>
    </row>
    <row r="28" spans="1:6" x14ac:dyDescent="0.25">
      <c r="A28" t="s">
        <v>55</v>
      </c>
      <c r="B28">
        <v>172.079188312469</v>
      </c>
      <c r="C28">
        <v>196.07072691552062</v>
      </c>
      <c r="F28" s="6"/>
    </row>
    <row r="29" spans="1:6" x14ac:dyDescent="0.25">
      <c r="A29" t="s">
        <v>56</v>
      </c>
      <c r="B29">
        <v>179.136818159699</v>
      </c>
      <c r="C29">
        <v>203.53634577603142</v>
      </c>
      <c r="F29" s="6"/>
    </row>
    <row r="30" spans="1:6" x14ac:dyDescent="0.25">
      <c r="A30" t="s">
        <v>57</v>
      </c>
      <c r="B30">
        <v>183.30291055061801</v>
      </c>
      <c r="C30">
        <v>207.66208251473478</v>
      </c>
      <c r="F30" s="6"/>
    </row>
    <row r="31" spans="1:6" x14ac:dyDescent="0.25">
      <c r="A31" t="s">
        <v>58</v>
      </c>
      <c r="B31">
        <v>183.531827368883</v>
      </c>
      <c r="C31">
        <v>207.4656188605108</v>
      </c>
      <c r="F31" s="6"/>
    </row>
    <row r="32" spans="1:6" x14ac:dyDescent="0.25">
      <c r="A32" t="s">
        <v>59</v>
      </c>
      <c r="B32">
        <v>174.256918358614</v>
      </c>
      <c r="C32">
        <v>196.46365422396858</v>
      </c>
      <c r="F32" s="6"/>
    </row>
    <row r="33" spans="1:6" x14ac:dyDescent="0.25">
      <c r="A33" t="s">
        <v>60</v>
      </c>
      <c r="B33">
        <v>179.19560313852</v>
      </c>
      <c r="C33">
        <v>200.98231827111985</v>
      </c>
      <c r="F33" s="6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  <drawing r:id="rId2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0250963-E970-47A8-A27C-59DF2BB7D8C9}">
  <dimension ref="A1:F68"/>
  <sheetViews>
    <sheetView workbookViewId="0"/>
  </sheetViews>
  <sheetFormatPr defaultRowHeight="12.5" x14ac:dyDescent="0.25"/>
  <cols>
    <col min="1" max="1" width="16.26953125" customWidth="1"/>
    <col min="2" max="2" width="26.7265625" customWidth="1"/>
    <col min="3" max="3" width="16.26953125" bestFit="1" customWidth="1"/>
    <col min="4" max="4" width="15.7265625" bestFit="1" customWidth="1"/>
  </cols>
  <sheetData>
    <row r="1" spans="1:4" ht="13" x14ac:dyDescent="0.3">
      <c r="A1" s="1" t="s">
        <v>11</v>
      </c>
    </row>
    <row r="3" spans="1:4" x14ac:dyDescent="0.25">
      <c r="B3" t="s">
        <v>61</v>
      </c>
      <c r="C3" t="s">
        <v>62</v>
      </c>
      <c r="D3" t="s">
        <v>63</v>
      </c>
    </row>
    <row r="4" spans="1:4" x14ac:dyDescent="0.25">
      <c r="A4" t="s">
        <v>64</v>
      </c>
      <c r="B4">
        <v>22.619477549055013</v>
      </c>
      <c r="C4">
        <v>23.17322739857951</v>
      </c>
      <c r="D4">
        <v>7.0904056819549774</v>
      </c>
    </row>
    <row r="5" spans="1:4" x14ac:dyDescent="0.25">
      <c r="A5" t="s">
        <v>65</v>
      </c>
      <c r="B5">
        <v>22.7823613086771</v>
      </c>
      <c r="C5">
        <v>23.362731152204837</v>
      </c>
      <c r="D5">
        <v>6.9246088193456616</v>
      </c>
    </row>
    <row r="6" spans="1:4" x14ac:dyDescent="0.25">
      <c r="A6" t="s">
        <v>66</v>
      </c>
      <c r="B6">
        <v>20.883692169318117</v>
      </c>
      <c r="C6">
        <v>21.541401989993815</v>
      </c>
      <c r="D6">
        <v>8.252290741469448</v>
      </c>
    </row>
    <row r="7" spans="1:4" x14ac:dyDescent="0.25">
      <c r="A7" t="s">
        <v>67</v>
      </c>
      <c r="B7">
        <v>20.854780845421931</v>
      </c>
      <c r="C7">
        <v>21.717880725835801</v>
      </c>
      <c r="D7">
        <v>7.8458898767742946</v>
      </c>
    </row>
    <row r="8" spans="1:4" x14ac:dyDescent="0.25">
      <c r="A8" t="s">
        <v>68</v>
      </c>
      <c r="B8">
        <v>21.142534468966165</v>
      </c>
      <c r="C8">
        <v>21.970730789139335</v>
      </c>
      <c r="D8">
        <v>8.0796197825984652</v>
      </c>
    </row>
    <row r="9" spans="1:4" x14ac:dyDescent="0.25">
      <c r="A9" t="s">
        <v>69</v>
      </c>
      <c r="B9">
        <v>21.458135724756403</v>
      </c>
      <c r="C9">
        <v>22.510131930671726</v>
      </c>
      <c r="D9">
        <v>8.5884280417349306</v>
      </c>
    </row>
    <row r="10" spans="1:4" x14ac:dyDescent="0.25">
      <c r="A10" t="s">
        <v>70</v>
      </c>
      <c r="B10">
        <v>21.379649755977525</v>
      </c>
      <c r="C10">
        <v>23.032440634868557</v>
      </c>
      <c r="D10">
        <v>9.2359430750933029</v>
      </c>
    </row>
    <row r="11" spans="1:4" x14ac:dyDescent="0.25">
      <c r="A11" t="s">
        <v>71</v>
      </c>
      <c r="B11">
        <v>20.687244766564881</v>
      </c>
      <c r="C11">
        <v>22.294985467789999</v>
      </c>
      <c r="D11">
        <v>9.1387366174901583</v>
      </c>
    </row>
    <row r="12" spans="1:4" x14ac:dyDescent="0.25">
      <c r="A12" t="s">
        <v>72</v>
      </c>
      <c r="B12">
        <v>21.222910746687663</v>
      </c>
      <c r="C12">
        <v>23.18805847512753</v>
      </c>
      <c r="D12">
        <v>9.2950802834742721</v>
      </c>
    </row>
    <row r="13" spans="1:4" x14ac:dyDescent="0.25">
      <c r="A13" t="s">
        <v>73</v>
      </c>
      <c r="B13">
        <v>20.52573731452647</v>
      </c>
      <c r="C13">
        <v>22.80942785613971</v>
      </c>
      <c r="D13">
        <v>8.5729987177138671</v>
      </c>
    </row>
    <row r="14" spans="1:4" x14ac:dyDescent="0.25">
      <c r="A14" t="s">
        <v>74</v>
      </c>
      <c r="B14">
        <v>20.993876334471359</v>
      </c>
      <c r="C14">
        <v>23.489405516718151</v>
      </c>
      <c r="D14">
        <v>7.9986993984717936</v>
      </c>
    </row>
    <row r="15" spans="1:4" x14ac:dyDescent="0.25">
      <c r="A15" t="s">
        <v>75</v>
      </c>
      <c r="B15">
        <v>19.785500210536746</v>
      </c>
      <c r="C15">
        <v>22.916305451663241</v>
      </c>
      <c r="D15">
        <v>7.7229831818294405</v>
      </c>
    </row>
    <row r="16" spans="1:4" x14ac:dyDescent="0.25">
      <c r="A16" t="s">
        <v>76</v>
      </c>
      <c r="B16">
        <v>19.134416808835415</v>
      </c>
      <c r="C16">
        <v>22.081799407380803</v>
      </c>
      <c r="D16">
        <v>7.9868905450300796</v>
      </c>
    </row>
    <row r="17" spans="1:4" x14ac:dyDescent="0.25">
      <c r="A17" t="s">
        <v>77</v>
      </c>
      <c r="B17">
        <v>19.926939906065595</v>
      </c>
      <c r="C17">
        <v>21.578820601340773</v>
      </c>
      <c r="D17">
        <v>7.4906667737144232</v>
      </c>
    </row>
    <row r="18" spans="1:4" x14ac:dyDescent="0.25">
      <c r="A18" t="s">
        <v>78</v>
      </c>
      <c r="B18">
        <v>19.868131139936715</v>
      </c>
      <c r="C18">
        <v>21.397213524841376</v>
      </c>
      <c r="D18">
        <v>7.083809618474894</v>
      </c>
    </row>
    <row r="19" spans="1:4" x14ac:dyDescent="0.25">
      <c r="A19" t="s">
        <v>79</v>
      </c>
      <c r="B19">
        <v>15.804984843381609</v>
      </c>
      <c r="C19">
        <v>17.418884023801503</v>
      </c>
      <c r="D19">
        <v>8.4287638935668578</v>
      </c>
    </row>
    <row r="20" spans="1:4" x14ac:dyDescent="0.25">
      <c r="A20" t="s">
        <v>80</v>
      </c>
      <c r="B20">
        <v>16.602478733998009</v>
      </c>
      <c r="C20">
        <v>17.905433778449652</v>
      </c>
      <c r="D20">
        <v>8.3048386903262195</v>
      </c>
    </row>
    <row r="21" spans="1:4" x14ac:dyDescent="0.25">
      <c r="A21" t="s">
        <v>81</v>
      </c>
      <c r="B21">
        <v>16.931552414115689</v>
      </c>
      <c r="C21">
        <v>18.029208461098694</v>
      </c>
      <c r="D21">
        <v>7.7563536198742273</v>
      </c>
    </row>
    <row r="22" spans="1:4" x14ac:dyDescent="0.25">
      <c r="A22" t="s">
        <v>82</v>
      </c>
      <c r="B22">
        <v>17.04946744210396</v>
      </c>
      <c r="C22">
        <v>18.566710134305485</v>
      </c>
      <c r="D22">
        <v>7.7527865294739149</v>
      </c>
    </row>
    <row r="23" spans="1:4" x14ac:dyDescent="0.25">
      <c r="A23" t="s">
        <v>83</v>
      </c>
      <c r="B23">
        <v>17.594502875716824</v>
      </c>
      <c r="C23">
        <v>19.362037169587296</v>
      </c>
      <c r="D23">
        <v>7.3193940363611869</v>
      </c>
    </row>
    <row r="24" spans="1:4" x14ac:dyDescent="0.25">
      <c r="A24" t="s">
        <v>84</v>
      </c>
      <c r="B24">
        <v>17.497437116496055</v>
      </c>
      <c r="C24">
        <v>19.260998113123449</v>
      </c>
      <c r="D24">
        <v>7.1456163549110787</v>
      </c>
    </row>
    <row r="25" spans="1:4" x14ac:dyDescent="0.25">
      <c r="A25" t="s">
        <v>85</v>
      </c>
      <c r="B25">
        <v>18.815962194801784</v>
      </c>
      <c r="C25">
        <v>21.335652402205302</v>
      </c>
      <c r="D25">
        <v>7.0602520346547655</v>
      </c>
    </row>
    <row r="26" spans="1:4" x14ac:dyDescent="0.25">
      <c r="A26" t="s">
        <v>86</v>
      </c>
      <c r="B26">
        <v>18.445354259069713</v>
      </c>
      <c r="C26">
        <v>21.713294666211759</v>
      </c>
      <c r="D26">
        <v>7.2387126123052425</v>
      </c>
    </row>
    <row r="27" spans="1:4" x14ac:dyDescent="0.25">
      <c r="A27" t="s">
        <v>87</v>
      </c>
      <c r="B27">
        <v>15.18736735404986</v>
      </c>
      <c r="C27">
        <v>18.645929023197862</v>
      </c>
      <c r="D27">
        <v>7.9038508241207088</v>
      </c>
    </row>
    <row r="28" spans="1:4" x14ac:dyDescent="0.25">
      <c r="A28" t="s">
        <v>88</v>
      </c>
      <c r="B28">
        <v>15.808660087134347</v>
      </c>
      <c r="C28">
        <v>18.05908476178443</v>
      </c>
      <c r="D28">
        <v>7.9759280837463091</v>
      </c>
    </row>
    <row r="29" spans="1:4" x14ac:dyDescent="0.25">
      <c r="A29" t="s">
        <v>89</v>
      </c>
      <c r="B29">
        <v>17.342029613210872</v>
      </c>
      <c r="C29">
        <v>19.288926255716486</v>
      </c>
      <c r="D29">
        <v>7.7268654751744137</v>
      </c>
    </row>
    <row r="30" spans="1:4" x14ac:dyDescent="0.25">
      <c r="A30" t="s">
        <v>90</v>
      </c>
      <c r="B30">
        <v>17.757930043124102</v>
      </c>
      <c r="C30">
        <v>19.914135122184955</v>
      </c>
      <c r="D30">
        <v>8.2238620028749398</v>
      </c>
    </row>
    <row r="31" spans="1:4" x14ac:dyDescent="0.25">
      <c r="A31" t="s">
        <v>91</v>
      </c>
      <c r="B31">
        <v>17.756647087992288</v>
      </c>
      <c r="C31">
        <v>19.897962746974152</v>
      </c>
      <c r="D31">
        <v>8.0334257558509048</v>
      </c>
    </row>
    <row r="32" spans="1:4" x14ac:dyDescent="0.25">
      <c r="A32" t="s">
        <v>92</v>
      </c>
      <c r="B32">
        <v>19.236125231836638</v>
      </c>
      <c r="C32">
        <v>21.274747213339001</v>
      </c>
      <c r="D32">
        <v>6.4871126556617433</v>
      </c>
    </row>
    <row r="33" spans="1:5" x14ac:dyDescent="0.25">
      <c r="A33" t="s">
        <v>93</v>
      </c>
      <c r="B33">
        <v>20.939502552405777</v>
      </c>
      <c r="C33">
        <v>22.755783642880417</v>
      </c>
      <c r="D33">
        <v>5.9424894102313459</v>
      </c>
    </row>
    <row r="34" spans="1:5" x14ac:dyDescent="0.25">
      <c r="A34" t="s">
        <v>94</v>
      </c>
      <c r="B34">
        <v>19.463656063829525</v>
      </c>
      <c r="C34">
        <v>21.117461447036469</v>
      </c>
      <c r="D34">
        <v>6.5420814770337756</v>
      </c>
    </row>
    <row r="35" spans="1:5" x14ac:dyDescent="0.25">
      <c r="A35" t="s">
        <v>95</v>
      </c>
      <c r="B35">
        <v>16.622605530033805</v>
      </c>
      <c r="C35">
        <v>18.303911087997072</v>
      </c>
      <c r="D35">
        <v>6.2641453102578177</v>
      </c>
    </row>
    <row r="36" spans="1:5" x14ac:dyDescent="0.25">
      <c r="A36" t="s">
        <v>96</v>
      </c>
      <c r="B36">
        <v>15.100642600642601</v>
      </c>
      <c r="C36">
        <v>16.694622944622946</v>
      </c>
      <c r="D36">
        <v>6.1436873936873937</v>
      </c>
    </row>
    <row r="37" spans="1:5" x14ac:dyDescent="0.25">
      <c r="A37" t="s">
        <v>97</v>
      </c>
      <c r="B37">
        <v>15.770244626082494</v>
      </c>
      <c r="C37">
        <v>17.682321505349719</v>
      </c>
      <c r="D37">
        <v>5.8030880469307498</v>
      </c>
    </row>
    <row r="38" spans="1:5" x14ac:dyDescent="0.25">
      <c r="A38" t="s">
        <v>98</v>
      </c>
      <c r="B38">
        <v>16.714350312997599</v>
      </c>
      <c r="C38">
        <v>18.597907920200079</v>
      </c>
      <c r="D38">
        <v>5.3669283373730492</v>
      </c>
    </row>
    <row r="39" spans="1:5" x14ac:dyDescent="0.25">
      <c r="A39" t="s">
        <v>31</v>
      </c>
      <c r="B39">
        <v>17.440495637758499</v>
      </c>
      <c r="C39">
        <v>19.585718146359959</v>
      </c>
      <c r="D39">
        <v>5.5095735369449388</v>
      </c>
      <c r="E39">
        <v>18.426354312135302</v>
      </c>
    </row>
    <row r="40" spans="1:5" x14ac:dyDescent="0.25">
      <c r="A40" t="s">
        <v>32</v>
      </c>
      <c r="B40">
        <v>16.826316854106761</v>
      </c>
      <c r="C40">
        <v>19.065200418171955</v>
      </c>
      <c r="D40">
        <v>5.0834737007272635</v>
      </c>
      <c r="E40">
        <v>18.426354312135302</v>
      </c>
    </row>
    <row r="41" spans="1:5" x14ac:dyDescent="0.25">
      <c r="A41" t="s">
        <v>33</v>
      </c>
      <c r="B41">
        <v>16.986517923706359</v>
      </c>
      <c r="C41">
        <v>19.372692732612972</v>
      </c>
      <c r="D41">
        <v>4.6656427115051242</v>
      </c>
      <c r="E41">
        <v>18.426354312135302</v>
      </c>
    </row>
    <row r="42" spans="1:5" x14ac:dyDescent="0.25">
      <c r="A42" t="s">
        <v>34</v>
      </c>
      <c r="B42">
        <v>18.140316339691807</v>
      </c>
      <c r="C42">
        <v>20.997386463919625</v>
      </c>
      <c r="D42">
        <v>4.1614622225239293</v>
      </c>
      <c r="E42">
        <v>18.426354312135302</v>
      </c>
    </row>
    <row r="43" spans="1:5" x14ac:dyDescent="0.25">
      <c r="A43" t="s">
        <v>35</v>
      </c>
      <c r="B43">
        <v>18.146788312129004</v>
      </c>
      <c r="C43">
        <v>20.590633428057259</v>
      </c>
      <c r="D43">
        <v>4.7842819395728897</v>
      </c>
      <c r="E43">
        <v>18.426354312135302</v>
      </c>
    </row>
    <row r="44" spans="1:5" x14ac:dyDescent="0.25">
      <c r="A44" t="s">
        <v>36</v>
      </c>
      <c r="B44">
        <v>19.974225637342041</v>
      </c>
      <c r="C44">
        <v>21.551773571922244</v>
      </c>
      <c r="D44">
        <v>4.3858669572067113</v>
      </c>
      <c r="E44">
        <v>18.426354312135302</v>
      </c>
    </row>
    <row r="45" spans="1:5" x14ac:dyDescent="0.25">
      <c r="A45" t="s">
        <v>37</v>
      </c>
      <c r="B45">
        <v>17.463054953194931</v>
      </c>
      <c r="C45">
        <v>18.993726339478826</v>
      </c>
      <c r="D45">
        <v>4.2090635876064812</v>
      </c>
      <c r="E45">
        <v>18.426354312135302</v>
      </c>
    </row>
    <row r="46" spans="1:5" x14ac:dyDescent="0.25">
      <c r="A46" t="s">
        <v>38</v>
      </c>
      <c r="B46">
        <v>18.017413007670079</v>
      </c>
      <c r="C46">
        <v>19.928454906232567</v>
      </c>
      <c r="D46">
        <v>4.3667360261010035</v>
      </c>
      <c r="E46">
        <v>18.426354312135302</v>
      </c>
    </row>
    <row r="47" spans="1:5" x14ac:dyDescent="0.25">
      <c r="A47" t="s">
        <v>39</v>
      </c>
      <c r="B47">
        <v>19.589768748412418</v>
      </c>
      <c r="C47">
        <v>21.812632921101521</v>
      </c>
      <c r="D47">
        <v>4.2376616843562758</v>
      </c>
      <c r="E47">
        <v>18.426354312135302</v>
      </c>
    </row>
    <row r="48" spans="1:5" x14ac:dyDescent="0.25">
      <c r="A48" t="s">
        <v>40</v>
      </c>
      <c r="B48">
        <v>20.296636110400666</v>
      </c>
      <c r="C48">
        <v>22.518050802637227</v>
      </c>
      <c r="D48">
        <v>4.1126550621521627</v>
      </c>
      <c r="E48">
        <v>18.426354312135302</v>
      </c>
    </row>
    <row r="49" spans="1:6" x14ac:dyDescent="0.25">
      <c r="A49" t="s">
        <v>41</v>
      </c>
      <c r="B49">
        <v>20.295491235539341</v>
      </c>
      <c r="C49">
        <v>22.619569892008361</v>
      </c>
      <c r="D49">
        <v>4.3915231856777623</v>
      </c>
      <c r="E49">
        <v>18.426354312135302</v>
      </c>
    </row>
    <row r="50" spans="1:6" x14ac:dyDescent="0.25">
      <c r="A50" t="s">
        <v>42</v>
      </c>
      <c r="B50">
        <v>19.757299279200868</v>
      </c>
      <c r="C50">
        <v>23.076876903915124</v>
      </c>
      <c r="D50">
        <v>4.7123556275854481</v>
      </c>
      <c r="E50">
        <v>18.426354312135302</v>
      </c>
    </row>
    <row r="51" spans="1:6" x14ac:dyDescent="0.25">
      <c r="A51" t="s">
        <v>43</v>
      </c>
      <c r="B51">
        <v>18.886377973651612</v>
      </c>
      <c r="C51">
        <v>22.675462318059399</v>
      </c>
      <c r="D51">
        <v>4.7227652675838803</v>
      </c>
      <c r="E51">
        <v>18.426354312135302</v>
      </c>
    </row>
    <row r="52" spans="1:6" x14ac:dyDescent="0.25">
      <c r="A52" t="s">
        <v>44</v>
      </c>
      <c r="B52">
        <v>18.845501424600446</v>
      </c>
      <c r="C52">
        <v>23.192122268950662</v>
      </c>
      <c r="D52">
        <v>5.0194595080317628</v>
      </c>
      <c r="E52">
        <v>18.426354312135302</v>
      </c>
    </row>
    <row r="53" spans="1:6" x14ac:dyDescent="0.25">
      <c r="A53" t="s">
        <v>45</v>
      </c>
      <c r="B53">
        <v>17.469861848473293</v>
      </c>
      <c r="C53">
        <v>22.338183077924374</v>
      </c>
      <c r="D53">
        <v>5.2636627476037328</v>
      </c>
      <c r="E53">
        <v>18.426354312135302</v>
      </c>
    </row>
    <row r="54" spans="1:6" x14ac:dyDescent="0.25">
      <c r="A54" t="s">
        <v>46</v>
      </c>
      <c r="B54">
        <v>16.685603708286756</v>
      </c>
      <c r="C54">
        <v>20.826835704680285</v>
      </c>
      <c r="D54">
        <v>6.2069028966773541</v>
      </c>
      <c r="E54">
        <v>18.426354312135302</v>
      </c>
    </row>
    <row r="55" spans="1:6" x14ac:dyDescent="0.25">
      <c r="A55" t="s">
        <v>47</v>
      </c>
      <c r="B55">
        <v>15.655605441860367</v>
      </c>
      <c r="C55">
        <v>20.503482759617331</v>
      </c>
      <c r="D55">
        <v>5.5202497745952055</v>
      </c>
      <c r="F55">
        <v>15.344079502254115</v>
      </c>
    </row>
    <row r="56" spans="1:6" x14ac:dyDescent="0.25">
      <c r="A56" t="s">
        <v>48</v>
      </c>
      <c r="B56">
        <v>14.637398399987207</v>
      </c>
      <c r="C56">
        <v>22.21000601037623</v>
      </c>
      <c r="D56">
        <v>5.1993752407149012</v>
      </c>
      <c r="F56">
        <v>15.344079502254115</v>
      </c>
    </row>
    <row r="57" spans="1:6" x14ac:dyDescent="0.25">
      <c r="A57" t="s">
        <v>49</v>
      </c>
      <c r="B57">
        <v>13.96637287765137</v>
      </c>
      <c r="C57">
        <v>22.828831090939723</v>
      </c>
      <c r="D57">
        <v>5.0161617567754808</v>
      </c>
      <c r="F57">
        <v>15.344079502254115</v>
      </c>
    </row>
    <row r="58" spans="1:6" x14ac:dyDescent="0.25">
      <c r="A58" t="s">
        <v>50</v>
      </c>
      <c r="B58">
        <v>14.313091770131674</v>
      </c>
      <c r="C58">
        <v>22.250525687896143</v>
      </c>
      <c r="D58">
        <v>4.6246153865392632</v>
      </c>
      <c r="F58">
        <v>15.344079502254115</v>
      </c>
    </row>
    <row r="59" spans="1:6" x14ac:dyDescent="0.25">
      <c r="A59" t="s">
        <v>51</v>
      </c>
      <c r="B59">
        <v>15.573540865614023</v>
      </c>
      <c r="C59">
        <v>21.829863345165055</v>
      </c>
      <c r="D59">
        <v>4.3880393925494019</v>
      </c>
      <c r="F59">
        <v>15.344079502254115</v>
      </c>
    </row>
    <row r="60" spans="1:6" x14ac:dyDescent="0.25">
      <c r="A60" t="s">
        <v>52</v>
      </c>
      <c r="B60">
        <v>16.230395545245411</v>
      </c>
      <c r="C60">
        <v>20.729603586193253</v>
      </c>
      <c r="D60">
        <v>4.6540411625693494</v>
      </c>
      <c r="F60">
        <v>15.344079502254115</v>
      </c>
    </row>
    <row r="61" spans="1:6" x14ac:dyDescent="0.25">
      <c r="A61" t="s">
        <v>53</v>
      </c>
      <c r="B61">
        <v>15.835132605659245</v>
      </c>
      <c r="C61">
        <v>19.043100039541322</v>
      </c>
      <c r="D61">
        <v>5.0273802310464797</v>
      </c>
      <c r="F61">
        <v>15.344079502254115</v>
      </c>
    </row>
    <row r="62" spans="1:6" x14ac:dyDescent="0.25">
      <c r="A62" t="s">
        <v>54</v>
      </c>
      <c r="B62">
        <v>16.45269252379828</v>
      </c>
      <c r="C62">
        <v>19.429004177422375</v>
      </c>
      <c r="D62">
        <v>5.0485737319120867</v>
      </c>
      <c r="F62">
        <v>15.344079502254115</v>
      </c>
    </row>
    <row r="63" spans="1:6" x14ac:dyDescent="0.25">
      <c r="A63" t="s">
        <v>55</v>
      </c>
      <c r="B63">
        <v>15.738407523369309</v>
      </c>
      <c r="C63">
        <v>18.255920062403746</v>
      </c>
      <c r="D63">
        <v>5.1602742026344943</v>
      </c>
      <c r="F63">
        <v>15.344079502254115</v>
      </c>
    </row>
    <row r="64" spans="1:6" x14ac:dyDescent="0.25">
      <c r="A64" t="s">
        <v>56</v>
      </c>
      <c r="B64">
        <v>14.953047011525168</v>
      </c>
      <c r="C64">
        <v>17.676163908797811</v>
      </c>
      <c r="D64">
        <v>5.1360397807296199</v>
      </c>
      <c r="F64">
        <v>15.344079502254115</v>
      </c>
    </row>
    <row r="65" spans="1:6" x14ac:dyDescent="0.25">
      <c r="A65" t="s">
        <v>57</v>
      </c>
      <c r="B65">
        <v>14.915606413203044</v>
      </c>
      <c r="C65">
        <v>17.567031127296577</v>
      </c>
      <c r="D65">
        <v>5.0719093000265607</v>
      </c>
      <c r="F65">
        <v>15.344079502254115</v>
      </c>
    </row>
    <row r="66" spans="1:6" x14ac:dyDescent="0.25">
      <c r="A66" t="s">
        <v>58</v>
      </c>
      <c r="B66">
        <v>15.436103657466392</v>
      </c>
      <c r="C66">
        <v>18.173485374811882</v>
      </c>
      <c r="D66">
        <v>5.0101938395823078</v>
      </c>
      <c r="F66">
        <v>15.344079502254115</v>
      </c>
    </row>
    <row r="67" spans="1:6" x14ac:dyDescent="0.25">
      <c r="A67" t="s">
        <v>59</v>
      </c>
      <c r="B67">
        <v>15.359299057103119</v>
      </c>
      <c r="C67">
        <v>18.11496183271516</v>
      </c>
      <c r="D67">
        <v>5.1784353185358754</v>
      </c>
      <c r="F67">
        <v>15.344079502254115</v>
      </c>
    </row>
    <row r="68" spans="1:6" x14ac:dyDescent="0.25">
      <c r="A68" t="s">
        <v>60</v>
      </c>
      <c r="B68">
        <v>15.750419338942978</v>
      </c>
      <c r="C68">
        <v>18.723974887929959</v>
      </c>
      <c r="D68">
        <v>5.5431313908732838</v>
      </c>
      <c r="F68">
        <v>15.344079502254115</v>
      </c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  <drawing r:id="rId2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9973641-0975-4DFC-B0F6-34610F04AE5D}">
  <dimension ref="A1:C29"/>
  <sheetViews>
    <sheetView zoomScaleNormal="100" workbookViewId="0"/>
  </sheetViews>
  <sheetFormatPr defaultRowHeight="12.5" x14ac:dyDescent="0.25"/>
  <cols>
    <col min="1" max="1" width="18.7265625" customWidth="1"/>
    <col min="2" max="3" width="19.453125" customWidth="1"/>
  </cols>
  <sheetData>
    <row r="1" spans="1:3" ht="13" x14ac:dyDescent="0.3">
      <c r="A1" s="1" t="s">
        <v>12</v>
      </c>
    </row>
    <row r="2" spans="1:3" ht="13" x14ac:dyDescent="0.3">
      <c r="A2" s="1"/>
    </row>
    <row r="3" spans="1:3" x14ac:dyDescent="0.25">
      <c r="B3" t="s">
        <v>99</v>
      </c>
      <c r="C3" t="s">
        <v>100</v>
      </c>
    </row>
    <row r="4" spans="1:3" x14ac:dyDescent="0.25">
      <c r="A4" s="5">
        <v>36526</v>
      </c>
      <c r="B4">
        <v>34</v>
      </c>
      <c r="C4">
        <v>32.258255499999997</v>
      </c>
    </row>
    <row r="5" spans="1:3" x14ac:dyDescent="0.25">
      <c r="A5" s="5">
        <v>36892</v>
      </c>
      <c r="B5">
        <v>30</v>
      </c>
      <c r="C5">
        <v>31.404819815789399</v>
      </c>
    </row>
    <row r="6" spans="1:3" x14ac:dyDescent="0.25">
      <c r="A6" s="5">
        <v>37257</v>
      </c>
      <c r="B6">
        <v>30</v>
      </c>
      <c r="C6">
        <v>30.1400268421052</v>
      </c>
    </row>
    <row r="7" spans="1:3" x14ac:dyDescent="0.25">
      <c r="A7" s="5">
        <v>37622</v>
      </c>
      <c r="B7">
        <v>30</v>
      </c>
      <c r="C7">
        <v>29.652717815789401</v>
      </c>
    </row>
    <row r="8" spans="1:3" x14ac:dyDescent="0.25">
      <c r="A8" s="5">
        <v>37987</v>
      </c>
      <c r="B8">
        <v>30</v>
      </c>
      <c r="C8">
        <v>28.853333631578899</v>
      </c>
    </row>
    <row r="9" spans="1:3" x14ac:dyDescent="0.25">
      <c r="A9" s="5">
        <v>38353</v>
      </c>
      <c r="B9">
        <v>30</v>
      </c>
      <c r="C9">
        <v>27.888563368421</v>
      </c>
    </row>
    <row r="10" spans="1:3" x14ac:dyDescent="0.25">
      <c r="A10" s="5">
        <v>38718</v>
      </c>
      <c r="B10">
        <v>30</v>
      </c>
      <c r="C10">
        <v>27.4664530526315</v>
      </c>
    </row>
    <row r="11" spans="1:3" x14ac:dyDescent="0.25">
      <c r="A11" s="5">
        <v>39083</v>
      </c>
      <c r="B11">
        <v>30</v>
      </c>
      <c r="C11">
        <v>26.795346184210501</v>
      </c>
    </row>
    <row r="12" spans="1:3" x14ac:dyDescent="0.25">
      <c r="A12" s="5">
        <v>39448</v>
      </c>
      <c r="B12">
        <v>30</v>
      </c>
      <c r="C12">
        <v>25.7698753947368</v>
      </c>
    </row>
    <row r="13" spans="1:3" x14ac:dyDescent="0.25">
      <c r="A13" s="5">
        <v>39814</v>
      </c>
      <c r="B13">
        <v>30</v>
      </c>
      <c r="C13">
        <v>25.6472280789473</v>
      </c>
    </row>
    <row r="14" spans="1:3" x14ac:dyDescent="0.25">
      <c r="A14" s="5">
        <v>40179</v>
      </c>
      <c r="B14">
        <v>30</v>
      </c>
      <c r="C14">
        <v>25.479055736842099</v>
      </c>
    </row>
    <row r="15" spans="1:3" x14ac:dyDescent="0.25">
      <c r="A15" s="5">
        <v>40544</v>
      </c>
      <c r="B15">
        <v>30</v>
      </c>
      <c r="C15">
        <v>25.419193657894699</v>
      </c>
    </row>
    <row r="16" spans="1:3" x14ac:dyDescent="0.25">
      <c r="A16" s="5">
        <v>40909</v>
      </c>
      <c r="B16">
        <v>30</v>
      </c>
      <c r="C16">
        <v>25.268921736842099</v>
      </c>
    </row>
    <row r="17" spans="1:3" x14ac:dyDescent="0.25">
      <c r="A17" s="5">
        <v>41275</v>
      </c>
      <c r="B17">
        <v>30</v>
      </c>
      <c r="C17">
        <v>25.454976947368401</v>
      </c>
    </row>
    <row r="18" spans="1:3" x14ac:dyDescent="0.25">
      <c r="A18" s="5">
        <v>41640</v>
      </c>
      <c r="B18">
        <v>30</v>
      </c>
      <c r="C18">
        <v>25.223139815789398</v>
      </c>
    </row>
    <row r="19" spans="1:3" x14ac:dyDescent="0.25">
      <c r="A19" s="5">
        <v>42005</v>
      </c>
      <c r="B19">
        <v>30</v>
      </c>
      <c r="C19">
        <v>25.234951473684202</v>
      </c>
    </row>
    <row r="20" spans="1:3" x14ac:dyDescent="0.25">
      <c r="A20" s="5">
        <v>42370</v>
      </c>
      <c r="B20">
        <v>30</v>
      </c>
      <c r="C20">
        <v>24.939062263157801</v>
      </c>
    </row>
    <row r="21" spans="1:3" x14ac:dyDescent="0.25">
      <c r="A21" s="5">
        <v>42736</v>
      </c>
      <c r="B21">
        <v>30</v>
      </c>
      <c r="C21">
        <v>24.778127184210501</v>
      </c>
    </row>
    <row r="22" spans="1:3" x14ac:dyDescent="0.25">
      <c r="A22" s="5">
        <v>43101</v>
      </c>
      <c r="B22">
        <v>30</v>
      </c>
      <c r="C22">
        <v>24.2558146578947</v>
      </c>
    </row>
    <row r="23" spans="1:3" x14ac:dyDescent="0.25">
      <c r="A23" s="5">
        <v>43466</v>
      </c>
      <c r="B23">
        <v>30</v>
      </c>
      <c r="C23">
        <v>23.946845105263101</v>
      </c>
    </row>
    <row r="24" spans="1:3" x14ac:dyDescent="0.25">
      <c r="A24" s="5">
        <v>43831</v>
      </c>
      <c r="B24">
        <v>30</v>
      </c>
      <c r="C24">
        <v>23.721137894736799</v>
      </c>
    </row>
    <row r="25" spans="1:3" x14ac:dyDescent="0.25">
      <c r="A25" s="5">
        <v>44197</v>
      </c>
      <c r="B25">
        <v>30</v>
      </c>
      <c r="C25">
        <v>23.567370263157802</v>
      </c>
    </row>
    <row r="26" spans="1:3" x14ac:dyDescent="0.25">
      <c r="A26" s="5">
        <v>44562</v>
      </c>
      <c r="B26">
        <v>30</v>
      </c>
      <c r="C26">
        <v>23.5671781052631</v>
      </c>
    </row>
    <row r="27" spans="1:3" x14ac:dyDescent="0.25">
      <c r="A27" s="5">
        <v>44927</v>
      </c>
      <c r="B27">
        <v>30</v>
      </c>
      <c r="C27">
        <v>23.726592105263101</v>
      </c>
    </row>
    <row r="28" spans="1:3" x14ac:dyDescent="0.25">
      <c r="A28" s="5">
        <v>45292</v>
      </c>
      <c r="B28">
        <v>30</v>
      </c>
      <c r="C28">
        <v>23.8524770263157</v>
      </c>
    </row>
    <row r="29" spans="1:3" x14ac:dyDescent="0.25">
      <c r="A29" s="5">
        <v>45658</v>
      </c>
      <c r="B29">
        <v>30</v>
      </c>
      <c r="C29">
        <v>24.199135500000001</v>
      </c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  <drawing r:id="rId2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5674DFA-CD30-4B33-807E-6531F734F5E5}">
  <dimension ref="A1:C29"/>
  <sheetViews>
    <sheetView zoomScaleNormal="100" workbookViewId="0"/>
  </sheetViews>
  <sheetFormatPr defaultRowHeight="12.5" x14ac:dyDescent="0.25"/>
  <cols>
    <col min="1" max="3" width="18.7265625" customWidth="1"/>
  </cols>
  <sheetData>
    <row r="1" spans="1:3" ht="13" x14ac:dyDescent="0.3">
      <c r="A1" s="1" t="s">
        <v>13</v>
      </c>
    </row>
    <row r="3" spans="1:3" x14ac:dyDescent="0.25">
      <c r="B3" t="s">
        <v>99</v>
      </c>
      <c r="C3" t="s">
        <v>100</v>
      </c>
    </row>
    <row r="4" spans="1:3" x14ac:dyDescent="0.25">
      <c r="A4" s="5">
        <v>36526</v>
      </c>
      <c r="B4">
        <v>34</v>
      </c>
      <c r="C4">
        <v>27.6040449736842</v>
      </c>
    </row>
    <row r="5" spans="1:3" x14ac:dyDescent="0.25">
      <c r="A5" s="5">
        <v>36892</v>
      </c>
      <c r="B5">
        <v>30</v>
      </c>
      <c r="C5">
        <v>26.633442631578902</v>
      </c>
    </row>
    <row r="6" spans="1:3" x14ac:dyDescent="0.25">
      <c r="A6" s="5">
        <v>37257</v>
      </c>
      <c r="B6">
        <v>30</v>
      </c>
      <c r="C6">
        <v>26.076347026315698</v>
      </c>
    </row>
    <row r="7" spans="1:3" x14ac:dyDescent="0.25">
      <c r="A7" s="5">
        <v>37622</v>
      </c>
      <c r="B7">
        <v>30</v>
      </c>
      <c r="C7">
        <v>26.093024842105201</v>
      </c>
    </row>
    <row r="8" spans="1:3" x14ac:dyDescent="0.25">
      <c r="A8" s="5">
        <v>37987</v>
      </c>
      <c r="B8">
        <v>30</v>
      </c>
      <c r="C8">
        <v>25.361259078947299</v>
      </c>
    </row>
    <row r="9" spans="1:3" x14ac:dyDescent="0.25">
      <c r="A9" s="5">
        <v>38353</v>
      </c>
      <c r="B9">
        <v>30</v>
      </c>
      <c r="C9">
        <v>24.432061368421</v>
      </c>
    </row>
    <row r="10" spans="1:3" x14ac:dyDescent="0.25">
      <c r="A10" s="5">
        <v>38718</v>
      </c>
      <c r="B10">
        <v>30</v>
      </c>
      <c r="C10">
        <v>23.974273394736802</v>
      </c>
    </row>
    <row r="11" spans="1:3" x14ac:dyDescent="0.25">
      <c r="A11" s="5">
        <v>39083</v>
      </c>
      <c r="B11">
        <v>30</v>
      </c>
      <c r="C11">
        <v>23.2774766052631</v>
      </c>
    </row>
    <row r="12" spans="1:3" x14ac:dyDescent="0.25">
      <c r="A12" s="5">
        <v>39448</v>
      </c>
      <c r="B12">
        <v>30</v>
      </c>
      <c r="C12">
        <v>22.3967615263157</v>
      </c>
    </row>
    <row r="13" spans="1:3" x14ac:dyDescent="0.25">
      <c r="A13" s="5">
        <v>39814</v>
      </c>
      <c r="B13">
        <v>30</v>
      </c>
      <c r="C13">
        <v>22.090314157894699</v>
      </c>
    </row>
    <row r="14" spans="1:3" x14ac:dyDescent="0.25">
      <c r="A14" s="5">
        <v>40179</v>
      </c>
      <c r="B14">
        <v>30</v>
      </c>
      <c r="C14">
        <v>21.177747789473599</v>
      </c>
    </row>
    <row r="15" spans="1:3" x14ac:dyDescent="0.25">
      <c r="A15" s="5">
        <v>40544</v>
      </c>
      <c r="B15">
        <v>30</v>
      </c>
      <c r="C15">
        <v>21.028575578947301</v>
      </c>
    </row>
    <row r="16" spans="1:3" x14ac:dyDescent="0.25">
      <c r="A16" s="5">
        <v>40909</v>
      </c>
      <c r="B16">
        <v>30</v>
      </c>
      <c r="C16">
        <v>21.437649684210498</v>
      </c>
    </row>
    <row r="17" spans="1:3" x14ac:dyDescent="0.25">
      <c r="A17" s="5">
        <v>41275</v>
      </c>
      <c r="B17">
        <v>30</v>
      </c>
      <c r="C17">
        <v>21.549086973684201</v>
      </c>
    </row>
    <row r="18" spans="1:3" x14ac:dyDescent="0.25">
      <c r="A18" s="5">
        <v>41640</v>
      </c>
      <c r="B18">
        <v>30</v>
      </c>
      <c r="C18">
        <v>21.429754894736799</v>
      </c>
    </row>
    <row r="19" spans="1:3" x14ac:dyDescent="0.25">
      <c r="A19" s="5">
        <v>42005</v>
      </c>
      <c r="B19">
        <v>30</v>
      </c>
      <c r="C19">
        <v>21.536380999999999</v>
      </c>
    </row>
    <row r="20" spans="1:3" x14ac:dyDescent="0.25">
      <c r="A20" s="5">
        <v>42370</v>
      </c>
      <c r="B20">
        <v>28.5</v>
      </c>
      <c r="C20">
        <v>21.419050657894701</v>
      </c>
    </row>
    <row r="21" spans="1:3" x14ac:dyDescent="0.25">
      <c r="A21" s="5">
        <v>42736</v>
      </c>
      <c r="B21">
        <v>27.5</v>
      </c>
      <c r="C21">
        <v>21.274157473684198</v>
      </c>
    </row>
    <row r="22" spans="1:3" x14ac:dyDescent="0.25">
      <c r="A22" s="5">
        <v>43101</v>
      </c>
      <c r="B22">
        <v>27.5</v>
      </c>
      <c r="C22">
        <v>21.290066315789399</v>
      </c>
    </row>
    <row r="23" spans="1:3" x14ac:dyDescent="0.25">
      <c r="A23" s="5">
        <v>43466</v>
      </c>
      <c r="B23">
        <v>27.5</v>
      </c>
      <c r="C23">
        <v>20.954421236842101</v>
      </c>
    </row>
    <row r="24" spans="1:3" x14ac:dyDescent="0.25">
      <c r="A24" s="5">
        <v>43831</v>
      </c>
      <c r="B24">
        <v>27.5</v>
      </c>
      <c r="C24">
        <v>20.097735052631499</v>
      </c>
    </row>
    <row r="25" spans="1:3" x14ac:dyDescent="0.25">
      <c r="A25" s="5">
        <v>44197</v>
      </c>
      <c r="B25">
        <v>26</v>
      </c>
      <c r="C25">
        <v>20.215281842105199</v>
      </c>
    </row>
    <row r="26" spans="1:3" x14ac:dyDescent="0.25">
      <c r="A26" s="5">
        <v>44562</v>
      </c>
      <c r="B26">
        <v>25</v>
      </c>
      <c r="C26">
        <v>20.239920421052599</v>
      </c>
    </row>
    <row r="27" spans="1:3" x14ac:dyDescent="0.25">
      <c r="A27" s="5">
        <v>44927</v>
      </c>
      <c r="B27">
        <v>25</v>
      </c>
      <c r="C27">
        <v>20.2936616315789</v>
      </c>
    </row>
    <row r="28" spans="1:3" x14ac:dyDescent="0.25">
      <c r="A28" s="5">
        <v>45292</v>
      </c>
      <c r="B28">
        <v>25</v>
      </c>
      <c r="C28">
        <v>20.488379921052601</v>
      </c>
    </row>
    <row r="29" spans="1:3" x14ac:dyDescent="0.25">
      <c r="A29" s="5">
        <v>45658</v>
      </c>
      <c r="B29">
        <v>25</v>
      </c>
      <c r="C29">
        <v>20.6307456315789</v>
      </c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  <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20" ma:contentTypeDescription="" ma:contentTypeScope="" ma:versionID="93da1382143e417acb1fc74b059d904c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343178e620e446504a68c250054a9ce2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  <xsd:element ref="ns3: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Status" ma:index="29" nillable="true" ma:displayName="Status" ma:format="Dropdown" ma:internalName="Status">
      <xsd:simpleType>
        <xsd:restriction base="dms:Choice">
          <xsd:enumeration value="In progress"/>
          <xsd:enumeration value="Ready for review"/>
          <xsd:enumeration value="Sent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transformationConfigurations":[],"templateName":"Supporting chart data workbook","templateDescription":"Use for data you plan to publish on the website. Includes 'about' and 'contents' tabs.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0393cdf-440a-4521-8f19-00ba43423d00">
      <Value>1</Value>
    </TaxCatchAll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Status xmlns="3d385984-9344-419b-a80b-49c06a2bdab8" xsi:nil="true"/>
    <_Flow_SignoffStatus xmlns="3d385984-9344-419b-a80b-49c06a2bdab8" xsi:nil="true"/>
    <_dlc_DocId xmlns="20393cdf-440a-4521-8f19-00ba43423d00">MPWT-2140667901-88287</_dlc_DocId>
    <_dlc_DocIdUrl xmlns="20393cdf-440a-4521-8f19-00ba43423d00">
      <Url>https://pcgov.sharepoint.com/sites/sceteam/_layouts/15/DocIdRedir.aspx?ID=MPWT-2140667901-88287</Url>
      <Description>MPWT-2140667901-88287</Description>
    </_dlc_DocIdUrl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E1EFC478-5E73-45FD-BFC4-BC55619BF7EA}">
  <ds:schemaRefs/>
</ds:datastoreItem>
</file>

<file path=customXml/itemProps2.xml><?xml version="1.0" encoding="utf-8"?>
<ds:datastoreItem xmlns:ds="http://schemas.openxmlformats.org/officeDocument/2006/customXml" ds:itemID="{236DDD77-C1BD-48A8-A408-CFAEDE339F4E}">
  <ds:schemaRefs>
    <ds:schemaRef ds:uri="http://schemas.microsoft.com/sharepoint/events"/>
  </ds:schemaRefs>
</ds:datastoreItem>
</file>

<file path=customXml/itemProps3.xml><?xml version="1.0" encoding="utf-8"?>
<ds:datastoreItem xmlns:ds="http://schemas.openxmlformats.org/officeDocument/2006/customXml" ds:itemID="{06517A1B-FB93-4DDF-84B2-E33E081BAF2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58D938DD-EC6F-4D42-AA4F-4A0F2A288CFB}">
  <ds:schemaRefs/>
</ds:datastoreItem>
</file>

<file path=customXml/itemProps5.xml><?xml version="1.0" encoding="utf-8"?>
<ds:datastoreItem xmlns:ds="http://schemas.openxmlformats.org/officeDocument/2006/customXml" ds:itemID="{B28ABDC2-9AEE-4536-A51D-78551D902FEA}">
  <ds:schemaRefs>
    <ds:schemaRef ds:uri="3d385984-9344-419b-a80b-49c06a2bdab8"/>
    <ds:schemaRef ds:uri="http://www.w3.org/XML/1998/namespace"/>
    <ds:schemaRef ds:uri="http://purl.org/dc/dcmitype/"/>
    <ds:schemaRef ds:uri="http://schemas.microsoft.com/office/2006/metadata/properties"/>
    <ds:schemaRef ds:uri="20393cdf-440a-4521-8f19-00ba43423d00"/>
    <ds:schemaRef ds:uri="http://purl.org/dc/elements/1.1/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terms/"/>
  </ds:schemaRefs>
</ds:datastoreItem>
</file>

<file path=customXml/itemProps6.xml><?xml version="1.0" encoding="utf-8"?>
<ds:datastoreItem xmlns:ds="http://schemas.openxmlformats.org/officeDocument/2006/customXml" ds:itemID="{2C8EECD9-538D-4CBF-BD6E-CC9B179210D1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bout</vt:lpstr>
      <vt:lpstr>Contents</vt:lpstr>
      <vt:lpstr>Dashboard - LP index</vt:lpstr>
      <vt:lpstr>Dashboard - Quarterly change</vt:lpstr>
      <vt:lpstr>Dashboard - Annual change</vt:lpstr>
      <vt:lpstr>Figure 1, panel a</vt:lpstr>
      <vt:lpstr>Figure 1, panel b</vt:lpstr>
      <vt:lpstr>Figure 2, panel a</vt:lpstr>
      <vt:lpstr>Figure 2, panel b</vt:lpstr>
    </vt:vector>
  </TitlesOfParts>
  <Manager/>
  <Company>Productivity Commission</Company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eptember 2025 - Chart data - Quarterly productivity bulletin</dc:title>
  <dc:subject/>
  <dc:creator>Productivity Commission</dc:creator>
  <cp:keywords/>
  <dc:description/>
  <cp:lastModifiedBy>Chris Alston</cp:lastModifiedBy>
  <cp:revision/>
  <dcterms:created xsi:type="dcterms:W3CDTF">2025-09-12T01:18:32Z</dcterms:created>
  <dcterms:modified xsi:type="dcterms:W3CDTF">2025-09-16T23:33:45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54725005441542</vt:lpwstr>
  </property>
  <property fmtid="{D5CDD505-2E9C-101B-9397-08002B2CF9AE}" pid="4" name="TemplafyUserProfileId">
    <vt:lpwstr>637791998455514600</vt:lpwstr>
  </property>
  <property fmtid="{D5CDD505-2E9C-101B-9397-08002B2CF9AE}" pid="5" name="TemplafyFromBlank">
    <vt:bool>false</vt:bool>
  </property>
  <property fmtid="{D5CDD505-2E9C-101B-9397-08002B2CF9AE}" pid="6" name="MSIP_Label_f7467c1a-e0ed-413c-a72b-aac8e8e94f41_Enabled">
    <vt:lpwstr>true</vt:lpwstr>
  </property>
  <property fmtid="{D5CDD505-2E9C-101B-9397-08002B2CF9AE}" pid="7" name="MSIP_Label_f7467c1a-e0ed-413c-a72b-aac8e8e94f41_SetDate">
    <vt:lpwstr>2025-09-12T02:19:32Z</vt:lpwstr>
  </property>
  <property fmtid="{D5CDD505-2E9C-101B-9397-08002B2CF9AE}" pid="8" name="MSIP_Label_f7467c1a-e0ed-413c-a72b-aac8e8e94f41_Method">
    <vt:lpwstr>Privileged</vt:lpwstr>
  </property>
  <property fmtid="{D5CDD505-2E9C-101B-9397-08002B2CF9AE}" pid="9" name="MSIP_Label_f7467c1a-e0ed-413c-a72b-aac8e8e94f41_Name">
    <vt:lpwstr>OFFICIAL</vt:lpwstr>
  </property>
  <property fmtid="{D5CDD505-2E9C-101B-9397-08002B2CF9AE}" pid="10" name="MSIP_Label_f7467c1a-e0ed-413c-a72b-aac8e8e94f41_SiteId">
    <vt:lpwstr>29f9330b-c0fe-4244-830e-ba9f275d6c34</vt:lpwstr>
  </property>
  <property fmtid="{D5CDD505-2E9C-101B-9397-08002B2CF9AE}" pid="11" name="MSIP_Label_f7467c1a-e0ed-413c-a72b-aac8e8e94f41_ActionId">
    <vt:lpwstr>35192e18-1a4f-46aa-9add-59469aff07c2</vt:lpwstr>
  </property>
  <property fmtid="{D5CDD505-2E9C-101B-9397-08002B2CF9AE}" pid="12" name="MSIP_Label_f7467c1a-e0ed-413c-a72b-aac8e8e94f41_ContentBits">
    <vt:lpwstr>1</vt:lpwstr>
  </property>
  <property fmtid="{D5CDD505-2E9C-101B-9397-08002B2CF9AE}" pid="13" name="MSIP_Label_f7467c1a-e0ed-413c-a72b-aac8e8e94f41_Tag">
    <vt:lpwstr>10, 0, 1, 1</vt:lpwstr>
  </property>
  <property fmtid="{D5CDD505-2E9C-101B-9397-08002B2CF9AE}" pid="14" name="ContentTypeId">
    <vt:lpwstr>0x0101006C0B5E815648EF46B6FA6D42F17E5E9F000C963E276195B04F83BC027CFDC94A8D</vt:lpwstr>
  </property>
  <property fmtid="{D5CDD505-2E9C-101B-9397-08002B2CF9AE}" pid="15" name="RevIMBCS">
    <vt:lpwstr>1;#Unclassified|3955eeb1-2d18-4582-aeb2-00144ec3aaf5</vt:lpwstr>
  </property>
  <property fmtid="{D5CDD505-2E9C-101B-9397-08002B2CF9AE}" pid="16" name="_dlc_DocIdItemGuid">
    <vt:lpwstr>6f690f84-81af-43ec-92f3-fa86676c75b4</vt:lpwstr>
  </property>
  <property fmtid="{D5CDD505-2E9C-101B-9397-08002B2CF9AE}" pid="17" name="MediaServiceImageTags">
    <vt:lpwstr/>
  </property>
</Properties>
</file>